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tbl>
      <w:tblPr>
        <w:tblW w:w="5000" w:type="pct"/>
        <w:tblLayout w:type="fixed"/>
        <w:tblCellMar>
          <w:left w:w="0" w:type="dxa"/>
          <w:right w:w="113" w:type="dxa"/>
        </w:tblCellMar>
        <w:tblLook w:val="04A0" w:firstRow="1" w:lastRow="0" w:firstColumn="1" w:lastColumn="0" w:noHBand="0" w:noVBand="1"/>
      </w:tblPr>
      <w:tblGrid>
        <w:gridCol w:w="6313"/>
        <w:gridCol w:w="3325"/>
      </w:tblGrid>
      <w:tr w:rsidR="00896A40" w:rsidRPr="00DE0DFC" w:rsidTr="005C5326">
        <w:tc>
          <w:tcPr>
            <w:tcW w:w="6313" w:type="dxa"/>
          </w:tcPr>
          <w:bookmarkStart w:id="0" w:name="bmkCorrespondenceHeaderBlock"/>
          <w:p w:rsidR="00896A40" w:rsidRPr="00DE0DFC" w:rsidRDefault="00735328" w:rsidP="005C5326">
            <w:pPr>
              <w:pStyle w:val="AONormalBold"/>
            </w:pPr>
            <w:sdt>
              <w:sdtPr>
                <w:alias w:val="ccSpecialInstruction"/>
                <w:tag w:val="{&quot;templafy&quot;:{&quot;id&quot;:&quot;30ee127c-f7b3-494b-9ecf-f70b5c2302e7&quot;}}"/>
                <w:id w:val="-1865359085"/>
                <w:placeholder>
                  <w:docPart w:val="A9E110A99D0647D79EF4D48AEF619270"/>
                </w:placeholder>
              </w:sdtPr>
              <w:sdtEndPr/>
              <w:sdtContent>
                <w:r w:rsidR="004A0113">
                  <w:t xml:space="preserve"> </w:t>
                </w:r>
              </w:sdtContent>
            </w:sdt>
          </w:p>
          <w:p w:rsidR="00896A40" w:rsidRPr="00DE0DFC" w:rsidRDefault="00896A40" w:rsidP="005C5326">
            <w:pPr>
              <w:pStyle w:val="AONormal"/>
            </w:pPr>
          </w:p>
          <w:sdt>
            <w:sdtPr>
              <w:alias w:val="ccTo"/>
              <w:tag w:val="{&quot;templafy&quot;:{&quot;id&quot;:&quot;227392ab-0b48-4b63-bd47-fd4aefc49ac2&quot;}}"/>
              <w:id w:val="-237786767"/>
              <w:placeholder>
                <w:docPart w:val="EB1B93411D60438487C9E0354A500160"/>
              </w:placeholder>
            </w:sdtPr>
            <w:sdtEndPr/>
            <w:sdtContent>
              <w:p w:rsidR="001A3201" w:rsidRDefault="005C5326">
                <w:pPr>
                  <w:pStyle w:val="AONormal"/>
                </w:pPr>
                <w:proofErr w:type="gramStart"/>
                <w:r>
                  <w:t>ČD - Telematika</w:t>
                </w:r>
                <w:proofErr w:type="gramEnd"/>
                <w:r>
                  <w:t xml:space="preserve"> a.s.</w:t>
                </w:r>
              </w:p>
              <w:p w:rsidR="001A3201" w:rsidRDefault="005C5326">
                <w:pPr>
                  <w:pStyle w:val="AONormal"/>
                </w:pPr>
                <w:r>
                  <w:t>Pernerova 2819/</w:t>
                </w:r>
                <w:proofErr w:type="gramStart"/>
                <w:r>
                  <w:t>2a</w:t>
                </w:r>
                <w:proofErr w:type="gramEnd"/>
                <w:r>
                  <w:t xml:space="preserve"> </w:t>
                </w:r>
              </w:p>
              <w:p w:rsidR="001A3201" w:rsidRDefault="005C5326">
                <w:pPr>
                  <w:pStyle w:val="AONormal"/>
                </w:pPr>
                <w:r>
                  <w:t>13000 Praha 3</w:t>
                </w:r>
              </w:p>
            </w:sdtContent>
          </w:sdt>
        </w:tc>
        <w:tc>
          <w:tcPr>
            <w:tcW w:w="3325" w:type="dxa"/>
          </w:tcPr>
          <w:sdt>
            <w:sdtPr>
              <w:alias w:val="ccOfficeTitle"/>
              <w:tag w:val="{&quot;templafy&quot;:{&quot;id&quot;:&quot;21c343ca-7245-40dc-90fb-96854d7ba1ac&quot;}}"/>
              <w:id w:val="-1388722391"/>
              <w:placeholder>
                <w:docPart w:val="4BC542073CB740569D6CD78A47394011"/>
              </w:placeholder>
            </w:sdtPr>
            <w:sdtEndPr/>
            <w:sdtContent>
              <w:p w:rsidR="001A3201" w:rsidRDefault="005C5326">
                <w:pPr>
                  <w:pStyle w:val="AONormal8LBold"/>
                </w:pPr>
                <w:r>
                  <w:t xml:space="preserve">Allen &amp; </w:t>
                </w:r>
                <w:proofErr w:type="spellStart"/>
                <w:r>
                  <w:t>Overy</w:t>
                </w:r>
                <w:proofErr w:type="spellEnd"/>
                <w:r>
                  <w:t xml:space="preserve"> (Czech Republic) LLP,</w:t>
                </w:r>
              </w:p>
              <w:p w:rsidR="001A3201" w:rsidRDefault="005C5326">
                <w:pPr>
                  <w:pStyle w:val="AONormal8LBold"/>
                </w:pPr>
                <w:r>
                  <w:t>organizační složka</w:t>
                </w:r>
              </w:p>
            </w:sdtContent>
          </w:sdt>
          <w:sdt>
            <w:sdtPr>
              <w:alias w:val="ccAOAddress"/>
              <w:tag w:val="{&quot;templafy&quot;:{&quot;id&quot;:&quot;4901d13e-4b4f-484b-9eb7-ca4d77dd9730&quot;}}"/>
              <w:id w:val="-738242271"/>
              <w:placeholder>
                <w:docPart w:val="EC26128AEE71480288F0D25D028C6C45"/>
              </w:placeholder>
            </w:sdtPr>
            <w:sdtEndPr/>
            <w:sdtContent>
              <w:p w:rsidR="001A3201" w:rsidRDefault="005C5326">
                <w:pPr>
                  <w:pStyle w:val="AONormal8L"/>
                </w:pPr>
                <w:r>
                  <w:t>Karolinská 707/7</w:t>
                </w:r>
              </w:p>
              <w:p w:rsidR="001A3201" w:rsidRDefault="005C5326">
                <w:pPr>
                  <w:pStyle w:val="AONormal8L"/>
                </w:pPr>
                <w:r>
                  <w:t>186 00 Praha 8 Česká republika</w:t>
                </w:r>
              </w:p>
            </w:sdtContent>
          </w:sdt>
          <w:p w:rsidR="00896A40" w:rsidRPr="00DE0DFC" w:rsidRDefault="00896A40" w:rsidP="005C5326">
            <w:pPr>
              <w:pStyle w:val="AONormal8L"/>
            </w:pPr>
          </w:p>
          <w:sdt>
            <w:sdtPr>
              <w:tag w:val="{&quot;templafy&quot;:{&quot;id&quot;:&quot;4502dfbb-b303-419e-a6ed-6f7a62f0c184&quot;}}"/>
              <w:id w:val="-1379935847"/>
              <w:placeholder>
                <w:docPart w:val="C55C08ACFD6747F78CF6BF9C4261CD8A"/>
              </w:placeholder>
            </w:sdtPr>
            <w:sdtEndPr/>
            <w:sdtContent>
              <w:p w:rsidR="00896A40" w:rsidRPr="00DE0DFC" w:rsidRDefault="00735328" w:rsidP="005C5326">
                <w:pPr>
                  <w:pStyle w:val="AONormal8L"/>
                  <w:tabs>
                    <w:tab w:val="clear" w:pos="1417"/>
                    <w:tab w:val="left" w:pos="1423"/>
                  </w:tabs>
                </w:pPr>
                <w:sdt>
                  <w:sdtPr>
                    <w:alias w:val="ccTelLabel"/>
                    <w:tag w:val="{&quot;templafy&quot;:{&quot;id&quot;:&quot;7039999f-8943-4ffc-addd-9dee3cc2ac1c&quot;}}"/>
                    <w:id w:val="1038079180"/>
                    <w:placeholder>
                      <w:docPart w:val="1BE42D6A96E248CFA20246749D6D1BEC"/>
                    </w:placeholder>
                  </w:sdtPr>
                  <w:sdtEndPr/>
                  <w:sdtContent>
                    <w:r w:rsidR="004A0113">
                      <w:t>Tel</w:t>
                    </w:r>
                  </w:sdtContent>
                </w:sdt>
                <w:r w:rsidR="00896A40" w:rsidRPr="00DE0DFC">
                  <w:tab/>
                </w:r>
                <w:sdt>
                  <w:sdtPr>
                    <w:alias w:val="ccTel"/>
                    <w:tag w:val="{&quot;templafy&quot;:{&quot;id&quot;:&quot;2020b65b-9b74-4420-a756-3324d2b69919&quot;}}"/>
                    <w:id w:val="42730802"/>
                    <w:placeholder>
                      <w:docPart w:val="019C4972CC894134BA61C8DFC2D9A535"/>
                    </w:placeholder>
                  </w:sdtPr>
                  <w:sdtEndPr/>
                  <w:sdtContent>
                    <w:r w:rsidR="004A0113">
                      <w:t>+420 222 107 111</w:t>
                    </w:r>
                  </w:sdtContent>
                </w:sdt>
              </w:p>
            </w:sdtContent>
          </w:sdt>
          <w:sdt>
            <w:sdtPr>
              <w:tag w:val="{&quot;templafy&quot;:{&quot;id&quot;:&quot;13982460-edf8-4d29-b9d8-348472311190&quot;}}"/>
              <w:id w:val="2131738181"/>
              <w:placeholder>
                <w:docPart w:val="A9F71B0CE2694AFD9889E6078C35D444"/>
              </w:placeholder>
            </w:sdtPr>
            <w:sdtEndPr/>
            <w:sdtContent>
              <w:p w:rsidR="00896A40" w:rsidRPr="00DE0DFC" w:rsidRDefault="00735328" w:rsidP="005C5326">
                <w:pPr>
                  <w:pStyle w:val="AONormal8L"/>
                </w:pPr>
                <w:sdt>
                  <w:sdtPr>
                    <w:alias w:val="ccFaxLabel"/>
                    <w:tag w:val="{&quot;templafy&quot;:{&quot;id&quot;:&quot;71f3a461-f887-486c-a9a1-f264ffaf57af&quot;}}"/>
                    <w:id w:val="-888492463"/>
                    <w:placeholder>
                      <w:docPart w:val="3849D409DCD942F6AE6E3C6A973ABD2C"/>
                    </w:placeholder>
                  </w:sdtPr>
                  <w:sdtEndPr/>
                  <w:sdtContent>
                    <w:r w:rsidR="004A0113">
                      <w:t>Fax</w:t>
                    </w:r>
                  </w:sdtContent>
                </w:sdt>
                <w:r w:rsidR="00896A40" w:rsidRPr="00DE0DFC">
                  <w:tab/>
                </w:r>
                <w:sdt>
                  <w:sdtPr>
                    <w:alias w:val="ccFax"/>
                    <w:tag w:val="{&quot;templafy&quot;:{&quot;id&quot;:&quot;bd0a62e3-33bf-46aa-98b5-0a116c361cd3&quot;}}"/>
                    <w:id w:val="-1260139880"/>
                    <w:placeholder>
                      <w:docPart w:val="D3EDDE006838458192C3F7302AC6E9C5"/>
                    </w:placeholder>
                  </w:sdtPr>
                  <w:sdtEndPr/>
                  <w:sdtContent>
                    <w:r w:rsidR="004A0113">
                      <w:t>+420 222 107 107</w:t>
                    </w:r>
                  </w:sdtContent>
                </w:sdt>
              </w:p>
            </w:sdtContent>
          </w:sdt>
          <w:sdt>
            <w:sdtPr>
              <w:alias w:val="ccEmail"/>
              <w:tag w:val="{&quot;templafy&quot;:{&quot;id&quot;:&quot;8ff05bba-eff9-48ed-ac85-bf7afc3ff26b&quot;}}"/>
              <w:id w:val="-1598401265"/>
              <w:placeholder>
                <w:docPart w:val="D0353EE14C8943B3AF32EA976BDBC8BD"/>
              </w:placeholder>
              <w:showingPlcHdr/>
            </w:sdtPr>
            <w:sdtEndPr/>
            <w:sdtContent>
              <w:p w:rsidR="001A3201" w:rsidRDefault="00F04144" w:rsidP="00810323">
                <w:pPr>
                  <w:pStyle w:val="AONormal8L"/>
                </w:pPr>
                <w:r w:rsidRPr="00DE0DFC">
                  <w:t xml:space="preserve"> </w:t>
                </w:r>
              </w:p>
            </w:sdtContent>
          </w:sdt>
        </w:tc>
      </w:tr>
      <w:tr w:rsidR="00896A40" w:rsidRPr="00DE0DFC" w:rsidTr="005C5326">
        <w:tc>
          <w:tcPr>
            <w:tcW w:w="6313" w:type="dxa"/>
          </w:tcPr>
          <w:p w:rsidR="00896A40" w:rsidRPr="00DE0DFC" w:rsidRDefault="00735328" w:rsidP="005C5326">
            <w:pPr>
              <w:pStyle w:val="AODocTxt"/>
              <w:tabs>
                <w:tab w:val="left" w:pos="1758"/>
              </w:tabs>
              <w:ind w:left="1758" w:hanging="1758"/>
              <w:jc w:val="left"/>
            </w:pPr>
            <w:sdt>
              <w:sdtPr>
                <w:id w:val="2076306247"/>
                <w:placeholder>
                  <w:docPart w:val="9CC139F402684C62B5899813DA25F904"/>
                </w:placeholder>
              </w:sdtPr>
              <w:sdtEndPr/>
              <w:sdtContent>
                <w:sdt>
                  <w:sdtPr>
                    <w:alias w:val="ccOurRefLabel"/>
                    <w:tag w:val="{&quot;templafy&quot;:{&quot;id&quot;:&quot;8b088ac4-902e-4dda-b24d-d7161280c5c1&quot;}}"/>
                    <w:id w:val="1870725520"/>
                    <w:placeholder>
                      <w:docPart w:val="3A9B623847D14D07B1962A9314DCE94C"/>
                    </w:placeholder>
                  </w:sdtPr>
                  <w:sdtEndPr/>
                  <w:sdtContent>
                    <w:r w:rsidR="004A0113">
                      <w:t>Naše značka</w:t>
                    </w:r>
                  </w:sdtContent>
                </w:sdt>
                <w:r w:rsidR="00896A40" w:rsidRPr="00DE0DFC">
                  <w:tab/>
                </w:r>
                <w:sdt>
                  <w:sdtPr>
                    <w:alias w:val="ccOurRef"/>
                    <w:tag w:val="{&quot;templafy&quot;:{&quot;id&quot;:&quot;541249a2-dd61-42b9-8355-2a4e74178b34&quot;}}"/>
                    <w:id w:val="957836838"/>
                    <w:placeholder>
                      <w:docPart w:val="4BEC8C6EE3A145F1AFCD08552A8ADF1B"/>
                    </w:placeholder>
                  </w:sdtPr>
                  <w:sdtEndPr/>
                  <w:sdtContent>
                    <w:r w:rsidR="004A0113">
                      <w:t xml:space="preserve"> </w:t>
                    </w:r>
                  </w:sdtContent>
                </w:sdt>
              </w:sdtContent>
            </w:sdt>
            <w:r w:rsidR="00896A40" w:rsidRPr="00DE0DFC">
              <w:fldChar w:fldCharType="begin"/>
            </w:r>
            <w:r w:rsidR="00896A40" w:rsidRPr="00DE0DFC">
              <w:instrText xml:space="preserve"> DOCPROPERTY cpCombinedRef</w:instrText>
            </w:r>
            <w:r w:rsidR="00896A40" w:rsidRPr="00DE0DFC">
              <w:fldChar w:fldCharType="separate"/>
            </w:r>
            <w:r w:rsidR="00FC7C65">
              <w:t>0010023-0028387 EUO1: 2005735933.1</w:t>
            </w:r>
            <w:r w:rsidR="00896A40" w:rsidRPr="00DE0DFC">
              <w:fldChar w:fldCharType="end"/>
            </w:r>
          </w:p>
        </w:tc>
        <w:tc>
          <w:tcPr>
            <w:tcW w:w="3325" w:type="dxa"/>
          </w:tcPr>
          <w:p w:rsidR="00896A40" w:rsidRPr="00DE0DFC" w:rsidRDefault="00896A40" w:rsidP="005C5326">
            <w:pPr>
              <w:pStyle w:val="AONormal"/>
            </w:pPr>
          </w:p>
        </w:tc>
      </w:tr>
      <w:tr w:rsidR="00896A40" w:rsidRPr="00DE0DFC" w:rsidTr="005C5326">
        <w:tc>
          <w:tcPr>
            <w:tcW w:w="6313" w:type="dxa"/>
          </w:tcPr>
          <w:p w:rsidR="00896A40" w:rsidRPr="00DE0DFC" w:rsidRDefault="00896A40" w:rsidP="005C5326">
            <w:pPr>
              <w:pStyle w:val="AONormal"/>
            </w:pPr>
          </w:p>
        </w:tc>
        <w:tc>
          <w:tcPr>
            <w:tcW w:w="3325" w:type="dxa"/>
          </w:tcPr>
          <w:p w:rsidR="00896A40" w:rsidRPr="00DE0DFC" w:rsidRDefault="00896A40" w:rsidP="005C5326">
            <w:pPr>
              <w:pStyle w:val="AONormal"/>
            </w:pPr>
          </w:p>
        </w:tc>
      </w:tr>
      <w:tr w:rsidR="00896A40" w:rsidRPr="00DE0DFC" w:rsidTr="005C5326">
        <w:trPr>
          <w:trHeight w:val="641"/>
        </w:trPr>
        <w:tc>
          <w:tcPr>
            <w:tcW w:w="6313" w:type="dxa"/>
          </w:tcPr>
          <w:p w:rsidR="00896A40" w:rsidRPr="00DE0DFC" w:rsidRDefault="00735328" w:rsidP="004D51C5">
            <w:pPr>
              <w:pStyle w:val="AONormal"/>
            </w:pPr>
            <w:sdt>
              <w:sdtPr>
                <w:tag w:val="{&quot;templafy&quot;:{&quot;id&quot;:&quot;8b5d6673-4e45-42df-8cb3-8ce1aa8eaba4&quot;}}"/>
                <w:id w:val="-1311935806"/>
                <w:placeholder>
                  <w:docPart w:val="2D713FDF862E4DE0ACC6CA823A887DE7"/>
                </w:placeholder>
              </w:sdtPr>
              <w:sdtEndPr/>
              <w:sdtContent>
                <w:bookmarkStart w:id="1" w:name="bmkLocation"/>
                <w:r w:rsidR="00C02AF4">
                  <w:t>Praha</w:t>
                </w:r>
                <w:bookmarkEnd w:id="1"/>
                <w:r w:rsidR="00896A40">
                  <w:t xml:space="preserve">, </w:t>
                </w:r>
              </w:sdtContent>
            </w:sdt>
            <w:sdt>
              <w:sdtPr>
                <w:alias w:val="ccDate"/>
                <w:tag w:val="{&quot;templafy&quot;:{&quot;id&quot;:&quot;27acec89-19dd-4896-b73b-db4dfa25515e&quot;}}"/>
                <w:id w:val="-182215464"/>
                <w:placeholder>
                  <w:docPart w:val="8C860FD1BA944C4FBFDB1B93A992E3DF"/>
                </w:placeholder>
              </w:sdtPr>
              <w:sdtEndPr/>
              <w:sdtContent>
                <w:r w:rsidR="004D51C5">
                  <w:t>6</w:t>
                </w:r>
                <w:r w:rsidR="004A0113">
                  <w:t xml:space="preserve">. </w:t>
                </w:r>
                <w:r w:rsidR="004D51C5">
                  <w:t>dubna</w:t>
                </w:r>
                <w:r w:rsidR="004A0113">
                  <w:t xml:space="preserve"> 2022</w:t>
                </w:r>
              </w:sdtContent>
            </w:sdt>
          </w:p>
        </w:tc>
        <w:tc>
          <w:tcPr>
            <w:tcW w:w="3325" w:type="dxa"/>
          </w:tcPr>
          <w:p w:rsidR="00896A40" w:rsidRPr="00DE0DFC" w:rsidRDefault="00896A40" w:rsidP="005C5326">
            <w:pPr>
              <w:pStyle w:val="AONormal"/>
            </w:pPr>
          </w:p>
        </w:tc>
      </w:tr>
    </w:tbl>
    <w:sdt>
      <w:sdtPr>
        <w:alias w:val="ccSubject"/>
        <w:tag w:val="{&quot;templafy&quot;:{&quot;id&quot;:&quot;ab956e68-c607-4bd3-a387-dc3f192aadeb&quot;}}"/>
        <w:id w:val="2081174333"/>
        <w:placeholder>
          <w:docPart w:val="4D7006666E9C4FA0B7D3FE999FE11D6A"/>
        </w:placeholder>
      </w:sdtPr>
      <w:sdtEndPr/>
      <w:sdtContent>
        <w:p w:rsidR="001A3201" w:rsidRDefault="00FB67FF">
          <w:pPr>
            <w:pStyle w:val="AONormalBold"/>
          </w:pPr>
          <w:r>
            <w:t>XXX</w:t>
          </w:r>
        </w:p>
      </w:sdtContent>
    </w:sdt>
    <w:p w:rsidR="00896A40" w:rsidRDefault="00735328" w:rsidP="00896A40">
      <w:pPr>
        <w:pStyle w:val="AODocTxt"/>
      </w:pPr>
      <w:sdt>
        <w:sdtPr>
          <w:alias w:val="ccSalutation"/>
          <w:tag w:val="{&quot;templafy&quot;:{&quot;id&quot;:&quot;b2dcf1fa-e25e-42ff-8c56-e42be61efb7b&quot;}}"/>
          <w:id w:val="-52242377"/>
          <w:placeholder>
            <w:docPart w:val="C0D3286822C54522B2184A6C20872291"/>
          </w:placeholder>
        </w:sdtPr>
        <w:sdtEndPr/>
        <w:sdtContent>
          <w:r w:rsidR="004A0113">
            <w:t>Vážený pane,</w:t>
          </w:r>
        </w:sdtContent>
      </w:sdt>
      <w:r w:rsidR="00896A40">
        <w:t xml:space="preserve"> </w:t>
      </w:r>
    </w:p>
    <w:bookmarkEnd w:id="0"/>
    <w:p w:rsidR="00896A40" w:rsidRPr="00DE0DFC" w:rsidRDefault="00896A40" w:rsidP="00896A40">
      <w:pPr>
        <w:pStyle w:val="AONormalBold"/>
      </w:pPr>
    </w:p>
    <w:p w:rsidR="00F266A5" w:rsidRPr="00246962" w:rsidRDefault="00FB67FF" w:rsidP="00F266A5">
      <w:pPr>
        <w:pStyle w:val="AODocTxt"/>
      </w:pPr>
      <w:bookmarkStart w:id="2" w:name="bmkStart"/>
      <w:bookmarkEnd w:id="2"/>
      <w:r>
        <w:t>XXX</w:t>
      </w:r>
      <w:r w:rsidR="00F266A5" w:rsidRPr="00246962">
        <w:t xml:space="preserve"> </w:t>
      </w:r>
    </w:p>
    <w:p w:rsidR="00F266A5" w:rsidRPr="00246962" w:rsidRDefault="00F266A5" w:rsidP="00F266A5">
      <w:pPr>
        <w:pStyle w:val="AODocTxt"/>
      </w:pPr>
      <w:r w:rsidRPr="00246962">
        <w:t>Podmínky našeho pověření ohledně Projektu se řídí ustanoveními této smlouvy a jejích příloh (včetně Mezinárodních standardních obchodních podmínek (</w:t>
      </w:r>
      <w:r w:rsidRPr="001951F7">
        <w:rPr>
          <w:b/>
        </w:rPr>
        <w:t>MSOP</w:t>
      </w:r>
      <w:r w:rsidRPr="00246962">
        <w:t xml:space="preserve">) přiložených jako </w:t>
      </w:r>
      <w:r w:rsidRPr="00246962">
        <w:fldChar w:fldCharType="begin"/>
      </w:r>
      <w:r w:rsidRPr="00246962">
        <w:instrText xml:space="preserve"> REF _Ref187862 \r \h </w:instrText>
      </w:r>
      <w:r w:rsidRPr="00246962">
        <w:fldChar w:fldCharType="separate"/>
      </w:r>
      <w:r w:rsidR="009741D1">
        <w:t>Příloha 3</w:t>
      </w:r>
      <w:r w:rsidRPr="00246962">
        <w:fldChar w:fldCharType="end"/>
      </w:r>
      <w:r w:rsidRPr="00246962">
        <w:t xml:space="preserve"> (</w:t>
      </w:r>
      <w:r w:rsidRPr="00246962">
        <w:fldChar w:fldCharType="begin"/>
      </w:r>
      <w:r w:rsidRPr="00246962">
        <w:instrText xml:space="preserve"> REF Priloha3 \h </w:instrText>
      </w:r>
      <w:r w:rsidRPr="00246962">
        <w:fldChar w:fldCharType="separate"/>
      </w:r>
      <w:r w:rsidR="009741D1" w:rsidRPr="00246962">
        <w:t xml:space="preserve">Mezinárodní standardní obchodní podmínky Allen &amp; </w:t>
      </w:r>
      <w:proofErr w:type="spellStart"/>
      <w:r w:rsidR="009741D1" w:rsidRPr="00246962">
        <w:t>Overy</w:t>
      </w:r>
      <w:proofErr w:type="spellEnd"/>
      <w:r w:rsidRPr="00246962">
        <w:fldChar w:fldCharType="end"/>
      </w:r>
      <w:r w:rsidRPr="00246962">
        <w:t xml:space="preserve">) (společně </w:t>
      </w:r>
      <w:r w:rsidRPr="00246962">
        <w:rPr>
          <w:b/>
        </w:rPr>
        <w:t xml:space="preserve">Smlouva </w:t>
      </w:r>
      <w:r w:rsidRPr="00246962">
        <w:t>nebo tato</w:t>
      </w:r>
      <w:r w:rsidRPr="00246962">
        <w:rPr>
          <w:b/>
        </w:rPr>
        <w:t xml:space="preserve"> Smlouva</w:t>
      </w:r>
      <w:r w:rsidRPr="00246962">
        <w:t>) s</w:t>
      </w:r>
      <w:r w:rsidR="00A11093">
        <w:t> </w:t>
      </w:r>
      <w:r w:rsidRPr="00246962">
        <w:t xml:space="preserve">výhradou případných změn, na kterých se s Vámi podle okolností písemně dohodneme. V případě jakéhokoli rozporu mezi podmínkami </w:t>
      </w:r>
      <w:r>
        <w:t>této Smlouvy</w:t>
      </w:r>
      <w:r w:rsidRPr="00246962">
        <w:t xml:space="preserve"> a MSOP mají přednost podmínky </w:t>
      </w:r>
      <w:r>
        <w:t>této Smlouvy</w:t>
      </w:r>
      <w:r w:rsidRPr="00246962">
        <w:t>.</w:t>
      </w:r>
    </w:p>
    <w:p w:rsidR="00F266A5" w:rsidRPr="00246962" w:rsidRDefault="00F266A5" w:rsidP="00F266A5">
      <w:pPr>
        <w:pStyle w:val="AODocTxt"/>
      </w:pPr>
      <w:r w:rsidRPr="00246962">
        <w:t>Podmínky definované v MSOP mají</w:t>
      </w:r>
      <w:r>
        <w:t xml:space="preserve"> </w:t>
      </w:r>
      <w:r w:rsidRPr="00246962">
        <w:t>stejný význam</w:t>
      </w:r>
      <w:r>
        <w:t xml:space="preserve"> i</w:t>
      </w:r>
      <w:r w:rsidRPr="00246962">
        <w:t xml:space="preserve"> jinde v této Smlouvě, nevyžaduje-li kontext jinak.</w:t>
      </w:r>
    </w:p>
    <w:p w:rsidR="00F266A5" w:rsidRPr="00246962" w:rsidRDefault="00F266A5" w:rsidP="00F266A5">
      <w:pPr>
        <w:pStyle w:val="AOAltHead1"/>
        <w:rPr>
          <w:rFonts w:eastAsia="Times New Roman"/>
          <w:b/>
          <w:szCs w:val="24"/>
        </w:rPr>
      </w:pPr>
      <w:bookmarkStart w:id="3" w:name="_Ref1468886"/>
      <w:r w:rsidRPr="00246962">
        <w:rPr>
          <w:rFonts w:eastAsia="Times New Roman"/>
          <w:b/>
          <w:szCs w:val="24"/>
        </w:rPr>
        <w:t>Pracovní skupina</w:t>
      </w:r>
      <w:bookmarkEnd w:id="3"/>
    </w:p>
    <w:p w:rsidR="00F266A5" w:rsidRPr="00246962" w:rsidRDefault="00F266A5" w:rsidP="00F266A5">
      <w:pPr>
        <w:pStyle w:val="AOAltHead3"/>
      </w:pPr>
      <w:r w:rsidRPr="00246962">
        <w:t>Budu působit jako Váš odpovědný partner (</w:t>
      </w:r>
      <w:r w:rsidRPr="00246962">
        <w:rPr>
          <w:b/>
        </w:rPr>
        <w:t>Odpovědný partner</w:t>
      </w:r>
      <w:r w:rsidRPr="00246962">
        <w:t>) v souvislosti s Projektem a Vy budete naší hlavní kontaktní osobou u Klienta.</w:t>
      </w:r>
    </w:p>
    <w:p w:rsidR="00F266A5" w:rsidRPr="001951F7" w:rsidRDefault="00F266A5" w:rsidP="00F266A5">
      <w:pPr>
        <w:pStyle w:val="AOAltHead3"/>
      </w:pPr>
      <w:r w:rsidRPr="001951F7">
        <w:t xml:space="preserve">Allen &amp; </w:t>
      </w:r>
      <w:proofErr w:type="spellStart"/>
      <w:r w:rsidRPr="001951F7">
        <w:t>Overy</w:t>
      </w:r>
      <w:proofErr w:type="spellEnd"/>
      <w:r w:rsidRPr="00246962">
        <w:t xml:space="preserve"> Praha bude své právní služby poskytovat prostřednictvím usazených evropských advokátů, kteří budou v příslušnou dobu členy Allen &amp; </w:t>
      </w:r>
      <w:proofErr w:type="spellStart"/>
      <w:r w:rsidRPr="00246962">
        <w:t>Overy</w:t>
      </w:r>
      <w:proofErr w:type="spellEnd"/>
      <w:r w:rsidRPr="00246962">
        <w:t xml:space="preserve"> Praha, prostřednictvím dalších advokátů </w:t>
      </w:r>
      <w:r>
        <w:t>v trvalé</w:t>
      </w:r>
      <w:r w:rsidRPr="00246962">
        <w:t xml:space="preserve"> spolupráci s Allen &amp; </w:t>
      </w:r>
      <w:proofErr w:type="spellStart"/>
      <w:r w:rsidRPr="00246962">
        <w:t>Overy</w:t>
      </w:r>
      <w:proofErr w:type="spellEnd"/>
      <w:r w:rsidRPr="00246962">
        <w:t xml:space="preserve"> Praha nebo prostřednictvím</w:t>
      </w:r>
      <w:r>
        <w:t xml:space="preserve"> advokátních</w:t>
      </w:r>
      <w:r w:rsidRPr="00246962">
        <w:t xml:space="preserve"> koncipientů. Poskytování právních služeb prostřednictvím advokátů </w:t>
      </w:r>
      <w:r>
        <w:t>v trvalé</w:t>
      </w:r>
      <w:r w:rsidRPr="00246962">
        <w:t xml:space="preserve"> spolupráci s Allen &amp; </w:t>
      </w:r>
      <w:proofErr w:type="spellStart"/>
      <w:r w:rsidRPr="00246962">
        <w:t>O</w:t>
      </w:r>
      <w:r>
        <w:t>very</w:t>
      </w:r>
      <w:proofErr w:type="spellEnd"/>
      <w:r>
        <w:t xml:space="preserve"> Praha neomezí odpovědnost Allen &amp; </w:t>
      </w:r>
      <w:proofErr w:type="spellStart"/>
      <w:r>
        <w:t>Overy</w:t>
      </w:r>
      <w:proofErr w:type="spellEnd"/>
      <w:r>
        <w:t xml:space="preserve"> Praha </w:t>
      </w:r>
      <w:r w:rsidRPr="00246962">
        <w:t>za poskytované právní služby.</w:t>
      </w:r>
    </w:p>
    <w:p w:rsidR="00F266A5" w:rsidRPr="00246962" w:rsidRDefault="00F266A5" w:rsidP="00F266A5">
      <w:pPr>
        <w:pStyle w:val="AOAltHead3"/>
      </w:pPr>
      <w:r w:rsidRPr="00246962">
        <w:t>Jména klíčových členů skupiny pro Projekt a kontakt na ně jsou uvedeny v</w:t>
      </w:r>
      <w:r>
        <w:t> příloze označené jako</w:t>
      </w:r>
      <w:r w:rsidRPr="00246962">
        <w:t xml:space="preserve"> </w:t>
      </w:r>
      <w:r w:rsidRPr="00246962">
        <w:fldChar w:fldCharType="begin"/>
      </w:r>
      <w:r w:rsidRPr="00246962">
        <w:instrText xml:space="preserve"> REF _Ref255842 \r \h </w:instrText>
      </w:r>
      <w:r w:rsidRPr="00246962">
        <w:fldChar w:fldCharType="separate"/>
      </w:r>
      <w:r w:rsidR="009741D1">
        <w:t>Příloha 1</w:t>
      </w:r>
      <w:r w:rsidRPr="00246962">
        <w:fldChar w:fldCharType="end"/>
      </w:r>
      <w:r w:rsidRPr="00246962">
        <w:t xml:space="preserve"> (</w:t>
      </w:r>
      <w:r w:rsidRPr="00246962">
        <w:fldChar w:fldCharType="begin"/>
      </w:r>
      <w:r w:rsidRPr="00246962">
        <w:instrText xml:space="preserve"> REF Priloha1 \h </w:instrText>
      </w:r>
      <w:r w:rsidRPr="00246962">
        <w:fldChar w:fldCharType="separate"/>
      </w:r>
      <w:r w:rsidR="009741D1" w:rsidRPr="00246962">
        <w:t>Klíčoví členové Skupiny pro realizaci Projektu</w:t>
      </w:r>
      <w:r w:rsidRPr="00246962">
        <w:fldChar w:fldCharType="end"/>
      </w:r>
      <w:r w:rsidRPr="00246962">
        <w:t>). Kromě osob uvedených v</w:t>
      </w:r>
      <w:r>
        <w:t> příloze označené jako</w:t>
      </w:r>
      <w:r w:rsidRPr="00246962">
        <w:t xml:space="preserve"> </w:t>
      </w:r>
      <w:r w:rsidRPr="00246962">
        <w:fldChar w:fldCharType="begin"/>
      </w:r>
      <w:r w:rsidRPr="00246962">
        <w:instrText xml:space="preserve"> REF _Ref255842 \r \h </w:instrText>
      </w:r>
      <w:r w:rsidRPr="00246962">
        <w:fldChar w:fldCharType="separate"/>
      </w:r>
      <w:r w:rsidR="009741D1">
        <w:t>Příloha 1</w:t>
      </w:r>
      <w:r w:rsidRPr="00246962">
        <w:fldChar w:fldCharType="end"/>
      </w:r>
      <w:r w:rsidRPr="00246962">
        <w:t xml:space="preserve"> (</w:t>
      </w:r>
      <w:r w:rsidRPr="00246962">
        <w:fldChar w:fldCharType="begin"/>
      </w:r>
      <w:r w:rsidRPr="00246962">
        <w:instrText xml:space="preserve"> REF Priloha1 \h </w:instrText>
      </w:r>
      <w:r w:rsidRPr="00246962">
        <w:fldChar w:fldCharType="separate"/>
      </w:r>
      <w:r w:rsidR="009741D1" w:rsidRPr="00246962">
        <w:t>Klíčoví členové Skupiny pro realizaci Projektu</w:t>
      </w:r>
      <w:r w:rsidRPr="00246962">
        <w:fldChar w:fldCharType="end"/>
      </w:r>
      <w:r w:rsidRPr="00246962">
        <w:t>)</w:t>
      </w:r>
      <w:r>
        <w:t xml:space="preserve"> </w:t>
      </w:r>
      <w:r w:rsidRPr="00246962">
        <w:t xml:space="preserve">budou do skupiny podle potřeby doplněni další advokáti, právníci, </w:t>
      </w:r>
      <w:r>
        <w:t xml:space="preserve">advokátní </w:t>
      </w:r>
      <w:r w:rsidRPr="00246962">
        <w:t>koncipienti a právní asistenti.</w:t>
      </w:r>
    </w:p>
    <w:p w:rsidR="00F266A5" w:rsidRPr="00246962" w:rsidRDefault="00F266A5" w:rsidP="00F266A5">
      <w:pPr>
        <w:pStyle w:val="AOAltHead1"/>
        <w:rPr>
          <w:rFonts w:eastAsia="Times New Roman"/>
          <w:b/>
          <w:szCs w:val="24"/>
        </w:rPr>
      </w:pPr>
      <w:bookmarkStart w:id="4" w:name="_Ref1468956"/>
      <w:r w:rsidRPr="00246962">
        <w:rPr>
          <w:rFonts w:eastAsia="Times New Roman"/>
          <w:b/>
          <w:szCs w:val="24"/>
        </w:rPr>
        <w:t>Rozsah služeb</w:t>
      </w:r>
      <w:bookmarkEnd w:id="4"/>
      <w:r w:rsidRPr="00246962">
        <w:rPr>
          <w:rFonts w:eastAsia="Times New Roman"/>
          <w:b/>
          <w:szCs w:val="24"/>
        </w:rPr>
        <w:t xml:space="preserve"> </w:t>
      </w:r>
    </w:p>
    <w:p w:rsidR="00FC7C65" w:rsidRDefault="00F266A5" w:rsidP="002B3937">
      <w:pPr>
        <w:pStyle w:val="AOAltHead3"/>
      </w:pPr>
      <w:bookmarkStart w:id="5" w:name="_Ref62412984"/>
      <w:r>
        <w:lastRenderedPageBreak/>
        <w:t>Vycházíme z toho</w:t>
      </w:r>
      <w:r w:rsidRPr="00246962">
        <w:t>, že se Projekt týká</w:t>
      </w:r>
      <w:r w:rsidR="00E900D2">
        <w:t xml:space="preserve"> </w:t>
      </w:r>
      <w:r w:rsidR="00FC7C65">
        <w:t>obecného právního poradenství v souvislosti s likvidací či insolvenčním řízením Dlužníka.</w:t>
      </w:r>
      <w:bookmarkEnd w:id="5"/>
    </w:p>
    <w:p w:rsidR="00F266A5" w:rsidRPr="00246962" w:rsidRDefault="00F266A5" w:rsidP="002B3937">
      <w:pPr>
        <w:pStyle w:val="AOAltHead3"/>
      </w:pPr>
      <w:r w:rsidRPr="00246962">
        <w:t>Během Projektu se může rozsah služeb měnit, například pokud byste chtěli nějaké oblasti doplnit nebo pokud některé služby nebude možno poskytnout nebo budou příliš časově náročné nebo nákladné. Veškeré změny s Vámi projednám a dohodnu; z takové dohody může vyplynout přiměřená dodatečná odměna a přiměřené prodloužení lhůty určené k poskytnutí takových dodatečných služeb, pokud je budete požadovat.</w:t>
      </w:r>
    </w:p>
    <w:p w:rsidR="00F266A5" w:rsidRPr="00246962" w:rsidRDefault="00F266A5" w:rsidP="00F266A5">
      <w:pPr>
        <w:pStyle w:val="AOAltHead1"/>
        <w:rPr>
          <w:rFonts w:eastAsia="Times New Roman"/>
          <w:b/>
          <w:szCs w:val="24"/>
        </w:rPr>
      </w:pPr>
      <w:bookmarkStart w:id="6" w:name="_Ref1469014"/>
      <w:r w:rsidRPr="00246962">
        <w:rPr>
          <w:rFonts w:eastAsia="Times New Roman"/>
          <w:b/>
          <w:szCs w:val="24"/>
        </w:rPr>
        <w:t xml:space="preserve">Časový plán </w:t>
      </w:r>
      <w:bookmarkEnd w:id="6"/>
      <w:r w:rsidRPr="00246962">
        <w:rPr>
          <w:rFonts w:eastAsia="Times New Roman"/>
          <w:b/>
          <w:szCs w:val="24"/>
        </w:rPr>
        <w:t xml:space="preserve"> </w:t>
      </w:r>
    </w:p>
    <w:p w:rsidR="00F266A5" w:rsidRPr="00246962" w:rsidRDefault="00F266A5" w:rsidP="00F266A5">
      <w:pPr>
        <w:pStyle w:val="AOAltHead3"/>
      </w:pPr>
      <w:bookmarkStart w:id="7" w:name="_Ref1459778"/>
      <w:r w:rsidRPr="00246962">
        <w:t>Máme za to, že požadujete, abychom práci na Projektu zahájili co nejdříve.</w:t>
      </w:r>
      <w:bookmarkEnd w:id="7"/>
    </w:p>
    <w:p w:rsidR="00F266A5" w:rsidRPr="00246962" w:rsidRDefault="00F266A5" w:rsidP="00F266A5">
      <w:pPr>
        <w:pStyle w:val="AOAltHead1"/>
        <w:rPr>
          <w:rFonts w:eastAsia="Times New Roman"/>
          <w:b/>
          <w:szCs w:val="24"/>
        </w:rPr>
      </w:pPr>
      <w:bookmarkStart w:id="8" w:name="_Ref1469053"/>
      <w:r w:rsidRPr="00246962">
        <w:rPr>
          <w:rFonts w:eastAsia="Times New Roman"/>
          <w:b/>
          <w:szCs w:val="24"/>
        </w:rPr>
        <w:t>Odměna</w:t>
      </w:r>
      <w:bookmarkEnd w:id="8"/>
      <w:r w:rsidRPr="00246962">
        <w:rPr>
          <w:rFonts w:eastAsia="Times New Roman"/>
          <w:b/>
          <w:szCs w:val="24"/>
        </w:rPr>
        <w:t xml:space="preserve"> </w:t>
      </w:r>
    </w:p>
    <w:p w:rsidR="00F266A5" w:rsidRPr="00246962" w:rsidRDefault="005E3D37" w:rsidP="00F266A5">
      <w:pPr>
        <w:pStyle w:val="AOAltHead3"/>
      </w:pPr>
      <w:r w:rsidRPr="00246962" w:rsidDel="005E3D37">
        <w:rPr>
          <w:rFonts w:eastAsia="Times New Roman"/>
          <w:szCs w:val="24"/>
        </w:rPr>
        <w:t xml:space="preserve"> </w:t>
      </w:r>
      <w:r w:rsidR="00F266A5" w:rsidRPr="00246962">
        <w:t>Naše odměna za právní služby (</w:t>
      </w:r>
      <w:r w:rsidR="00F266A5" w:rsidRPr="00246962">
        <w:rPr>
          <w:b/>
        </w:rPr>
        <w:t>Odměna</w:t>
      </w:r>
      <w:r w:rsidR="00F266A5" w:rsidRPr="00246962">
        <w:t>) bude vypočtena podle (i) času skutečně odpracovaného na Projektu vynásobeného hodinovými sazbami uvedenými v</w:t>
      </w:r>
      <w:r w:rsidR="00F266A5">
        <w:t> příloze označené jako</w:t>
      </w:r>
      <w:r w:rsidR="00F266A5" w:rsidRPr="00246962">
        <w:t xml:space="preserve"> </w:t>
      </w:r>
      <w:r w:rsidR="00F266A5" w:rsidRPr="00246962">
        <w:fldChar w:fldCharType="begin"/>
      </w:r>
      <w:r w:rsidR="00F266A5" w:rsidRPr="00246962">
        <w:instrText xml:space="preserve"> REF _Ref257768 \n \h </w:instrText>
      </w:r>
      <w:r w:rsidR="00F266A5" w:rsidRPr="00246962">
        <w:fldChar w:fldCharType="separate"/>
      </w:r>
      <w:r w:rsidR="009741D1">
        <w:t>Příloha 2</w:t>
      </w:r>
      <w:r w:rsidR="00F266A5" w:rsidRPr="00246962">
        <w:fldChar w:fldCharType="end"/>
      </w:r>
      <w:r w:rsidR="00F266A5" w:rsidRPr="00246962">
        <w:t xml:space="preserve"> (</w:t>
      </w:r>
      <w:r w:rsidR="00F266A5" w:rsidRPr="00246962">
        <w:fldChar w:fldCharType="begin"/>
      </w:r>
      <w:r w:rsidR="00F266A5" w:rsidRPr="00246962">
        <w:instrText xml:space="preserve"> REF Priloha2 \h </w:instrText>
      </w:r>
      <w:r w:rsidR="00F266A5" w:rsidRPr="00246962">
        <w:fldChar w:fldCharType="separate"/>
      </w:r>
      <w:r w:rsidR="009741D1" w:rsidRPr="00246962">
        <w:t>Naše dohodnuté sazby a vedlejší náklady</w:t>
      </w:r>
      <w:r w:rsidR="00F266A5" w:rsidRPr="00246962">
        <w:fldChar w:fldCharType="end"/>
      </w:r>
      <w:r w:rsidR="00F266A5" w:rsidRPr="00246962">
        <w:t>) (</w:t>
      </w:r>
      <w:r w:rsidR="00F266A5" w:rsidRPr="00246962">
        <w:rPr>
          <w:b/>
        </w:rPr>
        <w:t>odměna za právní služby</w:t>
      </w:r>
      <w:r w:rsidR="00F266A5" w:rsidRPr="00246962">
        <w:t>), a (</w:t>
      </w:r>
      <w:proofErr w:type="spellStart"/>
      <w:r w:rsidR="00F266A5" w:rsidRPr="00246962">
        <w:t>ii</w:t>
      </w:r>
      <w:proofErr w:type="spellEnd"/>
      <w:r w:rsidR="00F266A5" w:rsidRPr="00246962">
        <w:t>) částky hotových výdajů a</w:t>
      </w:r>
      <w:r>
        <w:t> </w:t>
      </w:r>
      <w:r w:rsidR="00F266A5" w:rsidRPr="00246962">
        <w:t>dalších nákladů, které vynaložíme nebo které nám vzniknou v souvislosti s poskytováním právních služeb (</w:t>
      </w:r>
      <w:r w:rsidR="00F266A5" w:rsidRPr="00246962">
        <w:rPr>
          <w:b/>
        </w:rPr>
        <w:t>vedlejší náklady</w:t>
      </w:r>
      <w:r w:rsidR="00F266A5" w:rsidRPr="00246962">
        <w:t>).</w:t>
      </w:r>
    </w:p>
    <w:p w:rsidR="00F266A5" w:rsidRPr="00246962" w:rsidRDefault="00F266A5" w:rsidP="00F266A5">
      <w:pPr>
        <w:pStyle w:val="AODocTxtL1"/>
      </w:pPr>
      <w:r w:rsidRPr="00246962">
        <w:t>Hodinové sazby uvedené v</w:t>
      </w:r>
      <w:r>
        <w:t> příloze označené jako</w:t>
      </w:r>
      <w:r w:rsidRPr="00246962">
        <w:t xml:space="preserve"> </w:t>
      </w:r>
      <w:r w:rsidRPr="00246962">
        <w:fldChar w:fldCharType="begin"/>
      </w:r>
      <w:r w:rsidRPr="00246962">
        <w:instrText xml:space="preserve"> REF _Ref257768 \n \h </w:instrText>
      </w:r>
      <w:r w:rsidRPr="00246962">
        <w:fldChar w:fldCharType="separate"/>
      </w:r>
      <w:r w:rsidR="009741D1">
        <w:t>Příloha 2</w:t>
      </w:r>
      <w:r w:rsidRPr="00246962">
        <w:fldChar w:fldCharType="end"/>
      </w:r>
      <w:r w:rsidRPr="00246962">
        <w:t xml:space="preserve"> (</w:t>
      </w:r>
      <w:r w:rsidRPr="00246962">
        <w:fldChar w:fldCharType="begin"/>
      </w:r>
      <w:r w:rsidRPr="00246962">
        <w:instrText xml:space="preserve"> REF Priloha2 \h </w:instrText>
      </w:r>
      <w:r w:rsidRPr="00246962">
        <w:fldChar w:fldCharType="separate"/>
      </w:r>
      <w:r w:rsidR="009741D1" w:rsidRPr="00246962">
        <w:t>Naše dohodnuté sazby a vedlejší náklady</w:t>
      </w:r>
      <w:r w:rsidRPr="00246962">
        <w:fldChar w:fldCharType="end"/>
      </w:r>
      <w:r w:rsidRPr="00246962">
        <w:t>) jsou bez DPH, která bude účtována navíc.</w:t>
      </w:r>
    </w:p>
    <w:p w:rsidR="00F266A5" w:rsidRPr="00246962" w:rsidRDefault="00F266A5" w:rsidP="00F266A5">
      <w:pPr>
        <w:pStyle w:val="AOAltHead3"/>
      </w:pPr>
      <w:bookmarkStart w:id="9" w:name="_Ref62413025"/>
      <w:r w:rsidRPr="00246962">
        <w:t>Na stanovení Odměny se vztahují podmínky a omezení uvedené v</w:t>
      </w:r>
      <w:r>
        <w:t> </w:t>
      </w:r>
      <w:bookmarkEnd w:id="9"/>
      <w:r>
        <w:t xml:space="preserve">příloze označené jako </w:t>
      </w:r>
      <w:r w:rsidRPr="00246962">
        <w:fldChar w:fldCharType="begin"/>
      </w:r>
      <w:r w:rsidRPr="00246962">
        <w:instrText xml:space="preserve"> REF _Ref257768 \n \h </w:instrText>
      </w:r>
      <w:r w:rsidRPr="00246962">
        <w:fldChar w:fldCharType="separate"/>
      </w:r>
      <w:r w:rsidR="009741D1">
        <w:t>Příloha 2</w:t>
      </w:r>
      <w:r w:rsidRPr="00246962">
        <w:fldChar w:fldCharType="end"/>
      </w:r>
      <w:r w:rsidRPr="00246962">
        <w:t xml:space="preserve"> (</w:t>
      </w:r>
      <w:r w:rsidRPr="00246962">
        <w:fldChar w:fldCharType="begin"/>
      </w:r>
      <w:r w:rsidRPr="00246962">
        <w:instrText xml:space="preserve"> REF Priloha2 \h </w:instrText>
      </w:r>
      <w:r w:rsidRPr="00246962">
        <w:fldChar w:fldCharType="separate"/>
      </w:r>
      <w:r w:rsidR="009741D1" w:rsidRPr="00246962">
        <w:t>Naše dohodnuté sazby a vedlejší náklady</w:t>
      </w:r>
      <w:r w:rsidRPr="00246962">
        <w:fldChar w:fldCharType="end"/>
      </w:r>
      <w:r w:rsidRPr="00246962">
        <w:t>).</w:t>
      </w:r>
    </w:p>
    <w:p w:rsidR="00F266A5" w:rsidRPr="00246962" w:rsidRDefault="00F266A5" w:rsidP="00F266A5">
      <w:pPr>
        <w:pStyle w:val="AOAltHead3"/>
        <w:rPr>
          <w:caps/>
        </w:rPr>
      </w:pPr>
      <w:r w:rsidRPr="00246962">
        <w:t>Budeme se snažit podávat Vám zprávy o postupu prací tak, jak to budete požadovat, a pokud nebude dohodnut jiný fakturační cyklus, obvykle Vám budeme zasílat faktury měsíčně s uvedením počtu hodin, jak je vykáže náš časoměrný systém. Pokud budete mít ohledně faktur jakékoli dotazy, laskavě se s nimi na mne obraťte co nejdříve, abychom mohli veškeré problémy vyřešit ještě během pověření.</w:t>
      </w:r>
    </w:p>
    <w:p w:rsidR="00F266A5" w:rsidRPr="00246962" w:rsidRDefault="00F266A5" w:rsidP="00F266A5">
      <w:pPr>
        <w:pStyle w:val="AOAltHead3"/>
      </w:pPr>
      <w:r w:rsidRPr="00246962">
        <w:t xml:space="preserve">Obvykle budou faktury zasílány do 15 dnů po skončení příslušného fakturačního období; v některých případech je možné, že bude pracovní čas </w:t>
      </w:r>
      <w:r>
        <w:t>zaznamenán</w:t>
      </w:r>
      <w:r w:rsidRPr="00246962">
        <w:t xml:space="preserve"> později, a tento čas tedy bude vyfakturován v</w:t>
      </w:r>
      <w:r w:rsidR="005E3D37">
        <w:t> </w:t>
      </w:r>
      <w:r w:rsidRPr="00246962">
        <w:t>následujícím období.</w:t>
      </w:r>
    </w:p>
    <w:p w:rsidR="00F266A5" w:rsidRPr="00246962" w:rsidRDefault="00F266A5" w:rsidP="00F266A5">
      <w:pPr>
        <w:pStyle w:val="AOAltHead3"/>
      </w:pPr>
      <w:r w:rsidRPr="00246962">
        <w:t>Pro účely daně z přidané hodnoty považujeme poskytování služeb za průběžně dodávané. Právní služby vztahující se k jednotlivým fakturám jsou považovány za dílčí plnění v rámci sjednaných podmínek. Každé jednotlivé poskytnutí služby je považováno za uskutečnění zdanitelného plnění dnem vydání příslušné faktury.</w:t>
      </w:r>
    </w:p>
    <w:p w:rsidR="00F266A5" w:rsidRPr="00246962" w:rsidRDefault="00F266A5" w:rsidP="00F266A5">
      <w:pPr>
        <w:pStyle w:val="AOAltHead1"/>
        <w:rPr>
          <w:rFonts w:eastAsia="Times New Roman"/>
          <w:b/>
          <w:szCs w:val="24"/>
        </w:rPr>
      </w:pPr>
      <w:bookmarkStart w:id="10" w:name="_Ref62413249"/>
      <w:r w:rsidRPr="00246962">
        <w:rPr>
          <w:rFonts w:eastAsia="Times New Roman"/>
          <w:b/>
          <w:szCs w:val="24"/>
        </w:rPr>
        <w:t xml:space="preserve">Připomínky </w:t>
      </w:r>
      <w:bookmarkEnd w:id="10"/>
    </w:p>
    <w:p w:rsidR="00F266A5" w:rsidRDefault="00F266A5" w:rsidP="00F266A5">
      <w:pPr>
        <w:pStyle w:val="AODocTxtL1"/>
      </w:pPr>
      <w:bookmarkStart w:id="11" w:name="_Ref62380240"/>
      <w:r w:rsidRPr="00246962">
        <w:t>Věříme, že budete s naší prací na Projektu spokojeni, pokud však budete mít jakékoli dotazy či připomínky týkající se našich služeb, kontaktujte Odpovědného partnera. Pokud tím nebude problém vyřešen k Vaší spokojenosti nebo pokud byste se jednání s tímto partnerem raději vyhnuli, vyžádejte si kopii našich písemných postupů pro vyřizování stížností. Tento postup je rovněž k dispozici na našich internetových stránkách.</w:t>
      </w:r>
      <w:bookmarkEnd w:id="11"/>
    </w:p>
    <w:p w:rsidR="00E900D2" w:rsidRDefault="00E900D2" w:rsidP="00F266A5">
      <w:pPr>
        <w:pStyle w:val="AODocTxtL1"/>
      </w:pPr>
    </w:p>
    <w:p w:rsidR="00E900D2" w:rsidRPr="00246962" w:rsidRDefault="00E900D2" w:rsidP="00F266A5">
      <w:pPr>
        <w:pStyle w:val="AODocTxtL1"/>
      </w:pPr>
    </w:p>
    <w:p w:rsidR="00F266A5" w:rsidRPr="00246962" w:rsidRDefault="005E3D37" w:rsidP="00F266A5">
      <w:pPr>
        <w:pStyle w:val="AOAltHead1"/>
        <w:rPr>
          <w:rFonts w:eastAsia="Times New Roman"/>
          <w:b/>
          <w:szCs w:val="24"/>
        </w:rPr>
      </w:pPr>
      <w:r w:rsidRPr="00246962" w:rsidDel="005E3D37">
        <w:rPr>
          <w:rFonts w:eastAsia="Times New Roman"/>
          <w:b/>
          <w:szCs w:val="24"/>
        </w:rPr>
        <w:t xml:space="preserve"> </w:t>
      </w:r>
      <w:r w:rsidR="00F266A5" w:rsidRPr="00246962">
        <w:rPr>
          <w:rFonts w:eastAsia="Times New Roman"/>
          <w:b/>
          <w:szCs w:val="24"/>
        </w:rPr>
        <w:t xml:space="preserve">Omezení odpovědnosti ve vztahu k Projektu </w:t>
      </w:r>
    </w:p>
    <w:p w:rsidR="00F266A5" w:rsidRPr="00C22835" w:rsidRDefault="00F266A5" w:rsidP="00C22835">
      <w:pPr>
        <w:pStyle w:val="AODocTxtL1"/>
      </w:pPr>
      <w:r w:rsidRPr="00246962">
        <w:lastRenderedPageBreak/>
        <w:t>Klient</w:t>
      </w:r>
      <w:r w:rsidR="00C22835">
        <w:t xml:space="preserve"> </w:t>
      </w:r>
      <w:r w:rsidRPr="00246962">
        <w:t xml:space="preserve">tímto souhlasí, že, s výhradou platných zákonných omezení, celková odpovědnost Skupiny A&amp;O (jak je definována v článku </w:t>
      </w:r>
      <w:r w:rsidRPr="00246962">
        <w:fldChar w:fldCharType="begin"/>
      </w:r>
      <w:r w:rsidRPr="00246962">
        <w:instrText xml:space="preserve"> REF _Ref193644848 \r \h </w:instrText>
      </w:r>
      <w:r w:rsidRPr="00246962">
        <w:fldChar w:fldCharType="separate"/>
      </w:r>
      <w:r w:rsidR="009741D1">
        <w:t>1</w:t>
      </w:r>
      <w:r w:rsidRPr="00246962">
        <w:fldChar w:fldCharType="end"/>
      </w:r>
      <w:r w:rsidRPr="00246962">
        <w:t xml:space="preserve"> části </w:t>
      </w:r>
      <w:r w:rsidRPr="00246962">
        <w:fldChar w:fldCharType="begin"/>
      </w:r>
      <w:r w:rsidRPr="00246962">
        <w:instrText xml:space="preserve"> REF _Ref187862 \r \h </w:instrText>
      </w:r>
      <w:r w:rsidRPr="00246962">
        <w:fldChar w:fldCharType="separate"/>
      </w:r>
      <w:r w:rsidR="009741D1">
        <w:t>Příloha 3</w:t>
      </w:r>
      <w:r w:rsidRPr="00246962">
        <w:fldChar w:fldCharType="end"/>
      </w:r>
      <w:r w:rsidRPr="00246962">
        <w:t xml:space="preserve"> (</w:t>
      </w:r>
      <w:r w:rsidRPr="00246962">
        <w:fldChar w:fldCharType="begin"/>
      </w:r>
      <w:r w:rsidRPr="00246962">
        <w:instrText xml:space="preserve"> REF Priloha3 \h </w:instrText>
      </w:r>
      <w:r w:rsidRPr="00246962">
        <w:fldChar w:fldCharType="separate"/>
      </w:r>
      <w:r w:rsidR="009741D1" w:rsidRPr="00246962">
        <w:t xml:space="preserve">Mezinárodní standardní obchodní podmínky Allen &amp; </w:t>
      </w:r>
      <w:proofErr w:type="spellStart"/>
      <w:r w:rsidR="009741D1" w:rsidRPr="00246962">
        <w:t>Overy</w:t>
      </w:r>
      <w:proofErr w:type="spellEnd"/>
      <w:r w:rsidRPr="00246962">
        <w:fldChar w:fldCharType="end"/>
      </w:r>
      <w:r w:rsidRPr="00246962">
        <w:t>) z důvodu jakéhokoli úkonu či opominutí v souvislosti s Projektem nebo z n</w:t>
      </w:r>
      <w:r w:rsidR="00C22835">
        <w:t xml:space="preserve">ich vyplývající je omezena na </w:t>
      </w:r>
      <w:r w:rsidRPr="00246962">
        <w:t>dvojnásobek</w:t>
      </w:r>
      <w:r w:rsidR="00C22835">
        <w:t xml:space="preserve"> </w:t>
      </w:r>
      <w:r w:rsidRPr="00246962">
        <w:t>souhrnné celkové odměny za právní služby Skupiny A&amp;O (vyjma daně z přidané hodnoty a vedlejších nákladů) fakturované a uhrazené ve vztahu k</w:t>
      </w:r>
      <w:r w:rsidR="00C22835">
        <w:t xml:space="preserve"> Projektu. Pokud </w:t>
      </w:r>
      <w:r w:rsidR="00C22835" w:rsidRPr="00C22835">
        <w:t xml:space="preserve">skupina A&amp;O </w:t>
      </w:r>
      <w:r w:rsidR="00C22835">
        <w:t>nebude schopna uplatnit</w:t>
      </w:r>
      <w:r w:rsidR="00C22835" w:rsidRPr="00C22835">
        <w:t xml:space="preserve"> </w:t>
      </w:r>
      <w:r w:rsidR="00C22835">
        <w:t>v souvislosti s Projektem své</w:t>
      </w:r>
      <w:r w:rsidR="00C22835" w:rsidRPr="00C22835">
        <w:t xml:space="preserve"> pojištění profesní odpovědnosti </w:t>
      </w:r>
      <w:r w:rsidR="00C22835">
        <w:t>v důsledku mezinárodních sankcí jakkoli souvisejících s Projektem</w:t>
      </w:r>
      <w:r w:rsidR="00C22835" w:rsidRPr="00C22835">
        <w:t xml:space="preserve">, </w:t>
      </w:r>
      <w:r w:rsidR="00C22835">
        <w:t>Klient</w:t>
      </w:r>
      <w:r w:rsidR="00C22835" w:rsidRPr="00C22835">
        <w:t xml:space="preserve"> tímto souhlasí, že celková odpovědnost skupiny A&amp;O v souvislosti </w:t>
      </w:r>
      <w:r w:rsidR="00C22835">
        <w:t>s Projektem</w:t>
      </w:r>
      <w:r w:rsidR="00C22835" w:rsidRPr="00C22835">
        <w:t xml:space="preserve"> bude omezen</w:t>
      </w:r>
      <w:r w:rsidR="00E900D2">
        <w:t>a</w:t>
      </w:r>
      <w:r w:rsidR="00C22835" w:rsidRPr="00C22835">
        <w:t xml:space="preserve"> na</w:t>
      </w:r>
      <w:r w:rsidR="00C22835">
        <w:t xml:space="preserve"> částku vyšší z</w:t>
      </w:r>
      <w:r w:rsidR="00C22835" w:rsidRPr="00C22835">
        <w:t>: (1) částk</w:t>
      </w:r>
      <w:r w:rsidR="00C22835">
        <w:t>y</w:t>
      </w:r>
      <w:r w:rsidR="00C22835" w:rsidRPr="00C22835">
        <w:t xml:space="preserve">, kterou </w:t>
      </w:r>
      <w:r w:rsidR="00C22835">
        <w:t xml:space="preserve">bude </w:t>
      </w:r>
      <w:r w:rsidR="00C22835" w:rsidRPr="00C22835">
        <w:t xml:space="preserve">skupina A&amp;O schopna získat </w:t>
      </w:r>
      <w:r w:rsidR="00C22835">
        <w:t>v rámci své profesní odpovědnosti</w:t>
      </w:r>
      <w:r w:rsidR="00C22835" w:rsidRPr="00C22835">
        <w:t xml:space="preserve"> s ohledem na příslušnou ztrátu</w:t>
      </w:r>
      <w:r w:rsidR="00C22835">
        <w:t xml:space="preserve"> v souvislosti s Projektem</w:t>
      </w:r>
      <w:r w:rsidR="00C22835" w:rsidRPr="00C22835">
        <w:t>; nebo (2)</w:t>
      </w:r>
      <w:r w:rsidR="00C22835">
        <w:t xml:space="preserve"> na </w:t>
      </w:r>
      <w:r w:rsidR="00C22835" w:rsidRPr="00C22835">
        <w:t xml:space="preserve">3 miliony </w:t>
      </w:r>
      <w:r w:rsidR="00E900D2">
        <w:t>Britských liber</w:t>
      </w:r>
      <w:r w:rsidR="00C22835" w:rsidRPr="00C22835">
        <w:t xml:space="preserve">. </w:t>
      </w:r>
      <w:r w:rsidR="00C22835">
        <w:t>Uvedené se nijak nedotýká</w:t>
      </w:r>
      <w:r w:rsidR="00C22835" w:rsidRPr="00C22835">
        <w:t xml:space="preserve"> </w:t>
      </w:r>
      <w:r w:rsidR="00C22835">
        <w:t>profesní</w:t>
      </w:r>
      <w:r w:rsidR="00C22835" w:rsidRPr="00C22835">
        <w:t xml:space="preserve"> odpovědnost</w:t>
      </w:r>
      <w:r w:rsidR="00C22835">
        <w:t>i</w:t>
      </w:r>
      <w:r w:rsidR="00C22835" w:rsidRPr="00C22835">
        <w:t xml:space="preserve">, kterou nelze vyloučit </w:t>
      </w:r>
      <w:r w:rsidR="00E900D2">
        <w:t>či</w:t>
      </w:r>
      <w:r w:rsidR="00C22835" w:rsidRPr="00C22835">
        <w:t xml:space="preserve"> omezit po</w:t>
      </w:r>
      <w:r w:rsidR="00C22835">
        <w:t xml:space="preserve">dle platných </w:t>
      </w:r>
      <w:r w:rsidR="006F28E5">
        <w:t>právních předpisů</w:t>
      </w:r>
      <w:r w:rsidR="00C22835">
        <w:t>.</w:t>
      </w:r>
    </w:p>
    <w:p w:rsidR="006F28E5" w:rsidRPr="00083B55" w:rsidRDefault="006F28E5" w:rsidP="00A02001">
      <w:pPr>
        <w:pStyle w:val="AOAltHead1"/>
        <w:tabs>
          <w:tab w:val="clear" w:pos="720"/>
        </w:tabs>
        <w:rPr>
          <w:b/>
        </w:rPr>
      </w:pPr>
      <w:r w:rsidRPr="00083B55">
        <w:rPr>
          <w:b/>
        </w:rPr>
        <w:t>Právo odstoupit v souvislosti s mezinárodními sankcemi</w:t>
      </w:r>
    </w:p>
    <w:p w:rsidR="00E900D2" w:rsidRDefault="006F28E5" w:rsidP="006F28E5">
      <w:pPr>
        <w:pStyle w:val="AODocTxtL1"/>
      </w:pPr>
      <w:r w:rsidRPr="006F28E5">
        <w:t>Naší zásadou je zajistit, aby byl</w:t>
      </w:r>
      <w:r>
        <w:t>a vždy dodržována pravidla veškerých</w:t>
      </w:r>
      <w:r w:rsidRPr="006F28E5">
        <w:t xml:space="preserve"> sankční</w:t>
      </w:r>
      <w:r>
        <w:t>ch režimů</w:t>
      </w:r>
      <w:r w:rsidRPr="006F28E5">
        <w:t xml:space="preserve"> nebo </w:t>
      </w:r>
      <w:r>
        <w:t>jiných regulatorních omezení</w:t>
      </w:r>
      <w:r w:rsidRPr="006F28E5">
        <w:t xml:space="preserve">, která </w:t>
      </w:r>
      <w:r>
        <w:t>by se mohla</w:t>
      </w:r>
      <w:r w:rsidRPr="006F28E5">
        <w:t xml:space="preserve"> vztahovat na kteréhokoli člena skupiny A&amp;O nebo na jakéhokoli jednotlivého partnera či zaměstnance skupiny A&amp;O. </w:t>
      </w:r>
      <w:r>
        <w:t>Pokud by tedy dle názoru skupiny A</w:t>
      </w:r>
      <w:r>
        <w:rPr>
          <w:lang w:val="en-GB"/>
        </w:rPr>
        <w:t>&amp;O</w:t>
      </w:r>
      <w:r>
        <w:t xml:space="preserve"> hrozilo v souvislosti s Projektem</w:t>
      </w:r>
      <w:r w:rsidRPr="006F28E5">
        <w:t>, (i) významné riziko poškození dobré pověsti kteréhokoli člena skupiny A&amp;O nebo (</w:t>
      </w:r>
      <w:proofErr w:type="spellStart"/>
      <w:r w:rsidRPr="006F28E5">
        <w:t>ii</w:t>
      </w:r>
      <w:proofErr w:type="spellEnd"/>
      <w:r w:rsidRPr="006F28E5">
        <w:t>) významné riziko jakéhokoli člen</w:t>
      </w:r>
      <w:r>
        <w:t>a</w:t>
      </w:r>
      <w:r w:rsidRPr="006F28E5">
        <w:t xml:space="preserve"> skupiny A&amp;O </w:t>
      </w:r>
      <w:r>
        <w:t>související s potenciálním</w:t>
      </w:r>
      <w:r w:rsidRPr="006F28E5">
        <w:t xml:space="preserve"> </w:t>
      </w:r>
      <w:r>
        <w:t>porušení</w:t>
      </w:r>
      <w:r w:rsidR="00E900D2">
        <w:t>m</w:t>
      </w:r>
      <w:r>
        <w:t xml:space="preserve"> pravidel sankčních režimů či zákonných nebo regulatorních omezení, </w:t>
      </w:r>
      <w:r w:rsidRPr="006F28E5">
        <w:t xml:space="preserve">vyhrazujeme si právo přestat </w:t>
      </w:r>
      <w:r>
        <w:t xml:space="preserve">poskytovat v souvislosti s Projektem další právní poradenství. </w:t>
      </w:r>
    </w:p>
    <w:p w:rsidR="006F28E5" w:rsidRPr="006F28E5" w:rsidRDefault="006F28E5" w:rsidP="006F28E5">
      <w:pPr>
        <w:pStyle w:val="AODocTxtL1"/>
        <w:rPr>
          <w:highlight w:val="yellow"/>
        </w:rPr>
      </w:pPr>
      <w:r>
        <w:t>V každém případě platí, že p</w:t>
      </w:r>
      <w:r w:rsidRPr="006F28E5">
        <w:t>okud</w:t>
      </w:r>
      <w:r>
        <w:t xml:space="preserve"> bychom</w:t>
      </w:r>
      <w:r w:rsidRPr="006F28E5">
        <w:t xml:space="preserve"> se </w:t>
      </w:r>
      <w:r>
        <w:t xml:space="preserve">dozvěděli, že taková situace hrozí, dopředu Vás na tuto okolnost upozorníme a zkonzultujeme s Vámi patřičné kroky tak, aby byla Vaše práva v každém </w:t>
      </w:r>
      <w:r w:rsidR="00E900D2">
        <w:t>ok</w:t>
      </w:r>
      <w:r w:rsidR="00451873">
        <w:t>a</w:t>
      </w:r>
      <w:r w:rsidR="00E900D2">
        <w:t>mžiku</w:t>
      </w:r>
      <w:r>
        <w:t xml:space="preserve"> náležitým způsobem ochráněna.</w:t>
      </w:r>
    </w:p>
    <w:p w:rsidR="00A02001" w:rsidRPr="00083B55" w:rsidRDefault="006F28E5" w:rsidP="00A02001">
      <w:pPr>
        <w:pStyle w:val="AOAltHead1"/>
        <w:tabs>
          <w:tab w:val="clear" w:pos="720"/>
        </w:tabs>
        <w:rPr>
          <w:b/>
        </w:rPr>
      </w:pPr>
      <w:r w:rsidRPr="00083B55">
        <w:rPr>
          <w:b/>
        </w:rPr>
        <w:t>Právo jednat za jiné ve vztahu k Projektu</w:t>
      </w:r>
    </w:p>
    <w:p w:rsidR="00083B55" w:rsidRDefault="00083B55" w:rsidP="00083B55">
      <w:pPr>
        <w:pStyle w:val="AODocTxtL1"/>
      </w:pPr>
      <w:r>
        <w:t>Jak jistě víte, jednáme rovněž pro řadu dalších klientů, kteří nás mohou pověřit právním poradenstvím v souvislosti s</w:t>
      </w:r>
      <w:r w:rsidR="004D51C5">
        <w:t xml:space="preserve"> Projektem či </w:t>
      </w:r>
      <w:r>
        <w:t>válečným konfliktem a souvisejícího napětí v Rusku a na Ukrajině. Tímto souhlasíte s tím, abychom takové právní poradenství v souladu s profesními a právními předpisy poskytovali.  V případě potřeby budou vždy zavedena potřebná ochranná opatření na ochranu důvěrných informací každého klienta. Souhlasíte s tím, že se vzdáváte jakéhokoli práva na získání důvěrných informací týkajících se našich dalších klientů, i když by pro Vás a/nebo Projekt mohly být podstatné, stejně tak se takového práva vůči Vám vzdají jiní naši klienti.</w:t>
      </w:r>
    </w:p>
    <w:p w:rsidR="00A02001" w:rsidRDefault="00083B55" w:rsidP="00083B55">
      <w:pPr>
        <w:pStyle w:val="AODocTxtL1"/>
      </w:pPr>
      <w:r>
        <w:t xml:space="preserve">Právní poradenství související s válečným konfliktem na Ukrajině a dopady uvalených sankcí na jednotlivé klienty může být velmi závislé na konkrétních skutkových okolnostech. </w:t>
      </w:r>
      <w:proofErr w:type="gramStart"/>
      <w:r>
        <w:t>Berte</w:t>
      </w:r>
      <w:proofErr w:type="gramEnd"/>
      <w:r>
        <w:t xml:space="preserve"> proto prosím na vědomí, že můžeme klientům poskytovat odlišné právní názory při skutkových okolnostech, které se mohou na první pohled jevit jako velmi podobné.</w:t>
      </w:r>
    </w:p>
    <w:p w:rsidR="00083B55" w:rsidRPr="00246962" w:rsidRDefault="00083B55" w:rsidP="00083B55">
      <w:pPr>
        <w:pStyle w:val="AODocTxtL1"/>
      </w:pPr>
    </w:p>
    <w:p w:rsidR="00F266A5" w:rsidRPr="00246962" w:rsidRDefault="00F266A5" w:rsidP="00F266A5">
      <w:pPr>
        <w:pStyle w:val="AOAltHead1"/>
        <w:rPr>
          <w:b/>
        </w:rPr>
      </w:pPr>
      <w:r w:rsidRPr="00246962">
        <w:rPr>
          <w:b/>
        </w:rPr>
        <w:t>Rozhodné právo a příslušnost soudů</w:t>
      </w:r>
    </w:p>
    <w:p w:rsidR="00F266A5" w:rsidRPr="00246962" w:rsidRDefault="00F266A5" w:rsidP="00F266A5">
      <w:pPr>
        <w:pStyle w:val="AODocTxtL1"/>
      </w:pPr>
      <w:r w:rsidRPr="00246962">
        <w:t>Bez ohledu na jakékoli protichůdné ustanovení MSOP:</w:t>
      </w:r>
    </w:p>
    <w:p w:rsidR="00F266A5" w:rsidRPr="001951F7" w:rsidRDefault="00F266A5" w:rsidP="00F266A5">
      <w:pPr>
        <w:pStyle w:val="AOHead3"/>
      </w:pPr>
      <w:r w:rsidRPr="00246962">
        <w:t>tato</w:t>
      </w:r>
      <w:r w:rsidRPr="001951F7">
        <w:t xml:space="preserve"> Smlouva a naše pověření týkající se jakéhokoli projektu (včetně jakýchkoli mimosmluvních závazků vyplývajících z této Smlouvy nebo našeho pověření týkajícího se jakéhokoli projektu nebo s nimi souvisejících) se řídí českým právem</w:t>
      </w:r>
      <w:r w:rsidRPr="00246962">
        <w:t xml:space="preserve"> a</w:t>
      </w:r>
      <w:r w:rsidRPr="001951F7">
        <w:t xml:space="preserve"> </w:t>
      </w:r>
    </w:p>
    <w:p w:rsidR="00841B86" w:rsidRDefault="00F266A5" w:rsidP="00FC7C65">
      <w:pPr>
        <w:pStyle w:val="AOHead3"/>
      </w:pPr>
      <w:r w:rsidRPr="00246962">
        <w:t>české</w:t>
      </w:r>
      <w:r w:rsidRPr="001951F7">
        <w:t xml:space="preserve"> soudy jsou výhradně příslušné k rozhodnutí jakéhokoli sporu vyplývajícího z této Smlouvy nebo z našeho pověření týkajícího se jakéhokoli projektu nebo s nimi souvisejícího (včetně jakéhokoli sporu týkajícího se jakýchkoli mimosmluvních závazků vyplývajících </w:t>
      </w:r>
      <w:r w:rsidRPr="001951F7">
        <w:lastRenderedPageBreak/>
        <w:t xml:space="preserve">z této Smlouvy nebo našeho pověření týkajícího se jakéhokoli projektu nebo s nimi souvisejících). </w:t>
      </w:r>
      <w:r w:rsidRPr="001951F7">
        <w:tab/>
      </w:r>
    </w:p>
    <w:p w:rsidR="00841B86" w:rsidRDefault="00841B86">
      <w:pPr>
        <w:pStyle w:val="AOAltHead1"/>
        <w:rPr>
          <w:b/>
        </w:rPr>
      </w:pPr>
      <w:r>
        <w:rPr>
          <w:b/>
        </w:rPr>
        <w:t>Registr smluv</w:t>
      </w:r>
    </w:p>
    <w:p w:rsidR="00841B86" w:rsidRPr="00FC7C65" w:rsidRDefault="00841B86" w:rsidP="00FC7C65">
      <w:pPr>
        <w:pStyle w:val="AODocTxtL1"/>
      </w:pPr>
      <w:r>
        <w:t xml:space="preserve">Smluvní strany berou na vědomí, </w:t>
      </w:r>
      <w:r w:rsidR="001E52D0">
        <w:t>že Klient má povinnost podle zákona č. 340/2015 Sb., zákon o registru smluv v platném znění, tuto Smlouvu, pod zákonem stanovenou sankcí uveřejnit v registru smluv. Účinnost této Smlouvy tak nastane jejím publikováním v registru smluv. Zveřejnění v registru smluv zajistí Klient. Současně smluvní strany pro</w:t>
      </w:r>
      <w:r w:rsidR="00B25DB0">
        <w:t>hlašují, že považují celý obsah</w:t>
      </w:r>
      <w:r w:rsidR="004143D0">
        <w:t xml:space="preserve"> úvodního ustanovení ohledně předmětu poskytovaných služeb </w:t>
      </w:r>
      <w:proofErr w:type="gramStart"/>
      <w:r w:rsidR="004143D0">
        <w:t xml:space="preserve">a </w:t>
      </w:r>
      <w:r w:rsidR="00B25DB0">
        <w:t xml:space="preserve"> přílohy</w:t>
      </w:r>
      <w:proofErr w:type="gramEnd"/>
      <w:r w:rsidR="00B25DB0">
        <w:t xml:space="preserve"> č, 2 </w:t>
      </w:r>
      <w:r w:rsidR="001E52D0">
        <w:t>této S</w:t>
      </w:r>
      <w:r w:rsidR="004143D0">
        <w:t xml:space="preserve">mlouvy </w:t>
      </w:r>
      <w:r w:rsidR="001E52D0">
        <w:t>za předmět obchodního tajemství ve smyslu § 504 zák. č. 89/2012 Sb., občanského zákoníku.</w:t>
      </w:r>
    </w:p>
    <w:p w:rsidR="00F266A5" w:rsidRPr="00246962" w:rsidRDefault="00F266A5" w:rsidP="00F266A5">
      <w:pPr>
        <w:pStyle w:val="AODocTxt"/>
        <w:rPr>
          <w:rFonts w:eastAsia="Times New Roman"/>
          <w:b/>
          <w:caps/>
          <w:szCs w:val="24"/>
        </w:rPr>
      </w:pPr>
      <w:r w:rsidRPr="00246962">
        <w:rPr>
          <w:rFonts w:eastAsia="Times New Roman"/>
          <w:szCs w:val="24"/>
        </w:rPr>
        <w:t>Doufám, že Vám obsah této Smlouvy vyhovuje. Pokud tomu tak je, dovoluji si Vás požádat, abyste za Klienta podepsal a vrátil nám přiloženou kopii této Smlouvy jako výraz toho, že Klient přijímá podmínky této Smlouvy a</w:t>
      </w:r>
      <w:r w:rsidR="00A02001">
        <w:rPr>
          <w:rFonts w:eastAsia="Times New Roman"/>
          <w:szCs w:val="24"/>
        </w:rPr>
        <w:t> </w:t>
      </w:r>
      <w:r w:rsidRPr="00246962">
        <w:rPr>
          <w:rFonts w:eastAsia="Times New Roman"/>
          <w:szCs w:val="24"/>
        </w:rPr>
        <w:t xml:space="preserve">souhlasí s nimi; mezitím se má za to, že zadání nebo další zadávání pokynů Allen &amp; </w:t>
      </w:r>
      <w:proofErr w:type="spellStart"/>
      <w:r w:rsidRPr="00246962">
        <w:rPr>
          <w:rFonts w:eastAsia="Times New Roman"/>
          <w:szCs w:val="24"/>
        </w:rPr>
        <w:t>Overy</w:t>
      </w:r>
      <w:proofErr w:type="spellEnd"/>
      <w:r w:rsidRPr="00246962">
        <w:rPr>
          <w:rFonts w:eastAsia="Times New Roman"/>
          <w:szCs w:val="24"/>
        </w:rPr>
        <w:t xml:space="preserve"> Praha zakládá takové přijetí a souhlas.</w:t>
      </w:r>
    </w:p>
    <w:p w:rsidR="00F266A5" w:rsidRPr="00246962" w:rsidRDefault="00F266A5" w:rsidP="00F266A5">
      <w:pPr>
        <w:pStyle w:val="AODocTxt"/>
        <w:rPr>
          <w:rFonts w:eastAsia="Times New Roman"/>
          <w:szCs w:val="24"/>
        </w:rPr>
      </w:pPr>
      <w:r w:rsidRPr="00246962">
        <w:rPr>
          <w:rFonts w:eastAsia="Times New Roman"/>
          <w:szCs w:val="24"/>
        </w:rPr>
        <w:t>Velice se těšíme na spolupráci s Vámi.</w:t>
      </w:r>
    </w:p>
    <w:p w:rsidR="00F266A5" w:rsidRPr="00246962" w:rsidRDefault="00F266A5" w:rsidP="00F266A5">
      <w:pPr>
        <w:pStyle w:val="AODocTxt"/>
        <w:rPr>
          <w:rFonts w:eastAsia="Times New Roman"/>
          <w:szCs w:val="24"/>
        </w:rPr>
      </w:pPr>
      <w:r w:rsidRPr="00246962">
        <w:rPr>
          <w:rFonts w:eastAsia="Times New Roman"/>
          <w:szCs w:val="24"/>
        </w:rPr>
        <w:t>Se srdečným pozdravem</w:t>
      </w:r>
    </w:p>
    <w:p w:rsidR="00F266A5" w:rsidRPr="00246962" w:rsidRDefault="00F266A5" w:rsidP="00F266A5">
      <w:pPr>
        <w:pStyle w:val="AODocTxt"/>
      </w:pPr>
    </w:p>
    <w:p w:rsidR="00F266A5" w:rsidRPr="00851F73" w:rsidRDefault="00F266A5" w:rsidP="00F266A5">
      <w:pPr>
        <w:pStyle w:val="AONormal"/>
        <w:tabs>
          <w:tab w:val="left" w:leader="dot" w:pos="3600"/>
        </w:tabs>
        <w:rPr>
          <w:caps/>
        </w:rPr>
      </w:pPr>
      <w:r w:rsidRPr="00851F73">
        <w:rPr>
          <w:caps/>
        </w:rPr>
        <w:tab/>
      </w:r>
    </w:p>
    <w:p w:rsidR="00B351CE" w:rsidRDefault="00B351CE" w:rsidP="00F266A5">
      <w:pPr>
        <w:pStyle w:val="AONormal"/>
      </w:pPr>
      <w:r>
        <w:t>Petr Vybíral</w:t>
      </w:r>
    </w:p>
    <w:p w:rsidR="00F266A5" w:rsidRPr="00246962" w:rsidRDefault="00F266A5" w:rsidP="00F266A5">
      <w:pPr>
        <w:pStyle w:val="AONormal"/>
        <w:rPr>
          <w:b/>
          <w:caps/>
        </w:rPr>
      </w:pPr>
      <w:r w:rsidRPr="00246962">
        <w:t xml:space="preserve">Partner za Allen &amp; </w:t>
      </w:r>
      <w:proofErr w:type="spellStart"/>
      <w:r w:rsidRPr="00246962">
        <w:t>Overy</w:t>
      </w:r>
      <w:proofErr w:type="spellEnd"/>
      <w:r w:rsidRPr="00246962">
        <w:t xml:space="preserve"> Praha</w:t>
      </w:r>
    </w:p>
    <w:p w:rsidR="00F266A5" w:rsidRPr="00246962" w:rsidRDefault="00F266A5" w:rsidP="00F266A5">
      <w:pPr>
        <w:pStyle w:val="AODocTxt"/>
      </w:pPr>
    </w:p>
    <w:p w:rsidR="00F266A5" w:rsidRPr="00246962" w:rsidRDefault="00F266A5" w:rsidP="00F266A5">
      <w:pPr>
        <w:pStyle w:val="AONormal"/>
        <w:rPr>
          <w:b/>
          <w:caps/>
        </w:rPr>
      </w:pPr>
      <w:r w:rsidRPr="00246962">
        <w:t xml:space="preserve">Souhlasíme s pověřením Allen &amp; </w:t>
      </w:r>
      <w:proofErr w:type="spellStart"/>
      <w:r w:rsidRPr="00246962">
        <w:t>Overy</w:t>
      </w:r>
      <w:proofErr w:type="spellEnd"/>
      <w:r w:rsidRPr="00246962">
        <w:t xml:space="preserve"> Praha za výše uvedených podmínek.</w:t>
      </w:r>
    </w:p>
    <w:p w:rsidR="00F266A5" w:rsidRPr="00246962" w:rsidRDefault="00F266A5" w:rsidP="00F266A5">
      <w:pPr>
        <w:pStyle w:val="AODocTxt"/>
        <w:tabs>
          <w:tab w:val="left" w:leader="dot" w:pos="3600"/>
          <w:tab w:val="left" w:pos="4320"/>
        </w:tabs>
        <w:rPr>
          <w:b/>
          <w:caps/>
        </w:rPr>
      </w:pPr>
      <w:r w:rsidRPr="00246962">
        <w:t>Podpis:</w:t>
      </w:r>
      <w:r>
        <w:tab/>
      </w:r>
      <w:r w:rsidRPr="00246962">
        <w:tab/>
        <w:t>Datum:</w:t>
      </w:r>
    </w:p>
    <w:p w:rsidR="00F266A5" w:rsidRPr="00246962" w:rsidRDefault="00841B86" w:rsidP="00F266A5">
      <w:pPr>
        <w:pStyle w:val="AONormal"/>
      </w:pPr>
      <w:r>
        <w:t xml:space="preserve">Ing. David </w:t>
      </w:r>
      <w:proofErr w:type="spellStart"/>
      <w:r>
        <w:t>Wolski</w:t>
      </w:r>
      <w:proofErr w:type="spellEnd"/>
      <w:r>
        <w:t>, člen představenstva</w:t>
      </w:r>
    </w:p>
    <w:p w:rsidR="00F266A5" w:rsidRDefault="00F266A5" w:rsidP="00F266A5">
      <w:pPr>
        <w:pStyle w:val="AONormal"/>
      </w:pPr>
      <w:r w:rsidRPr="00246962">
        <w:t xml:space="preserve">Za </w:t>
      </w:r>
      <w:proofErr w:type="gramStart"/>
      <w:r w:rsidR="00B351CE">
        <w:t>ČD - Telematika</w:t>
      </w:r>
      <w:proofErr w:type="gramEnd"/>
      <w:r w:rsidR="00B351CE">
        <w:t xml:space="preserve"> a.s.</w:t>
      </w:r>
    </w:p>
    <w:p w:rsidR="00841B86" w:rsidRPr="00246962" w:rsidRDefault="00841B86" w:rsidP="00F266A5">
      <w:pPr>
        <w:pStyle w:val="AONormal"/>
      </w:pPr>
    </w:p>
    <w:p w:rsidR="00841B86" w:rsidRPr="00246962" w:rsidRDefault="00841B86" w:rsidP="00841B86">
      <w:pPr>
        <w:pStyle w:val="AODocTxt"/>
        <w:tabs>
          <w:tab w:val="left" w:leader="dot" w:pos="3600"/>
          <w:tab w:val="left" w:pos="4320"/>
        </w:tabs>
        <w:rPr>
          <w:b/>
          <w:caps/>
        </w:rPr>
      </w:pPr>
      <w:r w:rsidRPr="00246962">
        <w:t>Podpis:</w:t>
      </w:r>
      <w:r>
        <w:tab/>
      </w:r>
      <w:r w:rsidRPr="00246962">
        <w:tab/>
        <w:t>Datum:</w:t>
      </w:r>
    </w:p>
    <w:p w:rsidR="00841B86" w:rsidRPr="00246962" w:rsidRDefault="00841B86" w:rsidP="00841B86">
      <w:pPr>
        <w:pStyle w:val="AONormal"/>
      </w:pPr>
      <w:r>
        <w:t>Mgr. Tomáš</w:t>
      </w:r>
      <w:r w:rsidR="001E52D0">
        <w:t xml:space="preserve"> </w:t>
      </w:r>
      <w:proofErr w:type="spellStart"/>
      <w:r w:rsidR="001E52D0">
        <w:t>Businský</w:t>
      </w:r>
      <w:proofErr w:type="spellEnd"/>
      <w:r w:rsidR="001E52D0">
        <w:t>, člen představenstva</w:t>
      </w:r>
    </w:p>
    <w:p w:rsidR="00841B86" w:rsidRDefault="00841B86" w:rsidP="00841B86">
      <w:pPr>
        <w:pStyle w:val="AONormal"/>
      </w:pPr>
      <w:r w:rsidRPr="00246962">
        <w:t xml:space="preserve">Za </w:t>
      </w:r>
      <w:proofErr w:type="gramStart"/>
      <w:r>
        <w:t>ČD - Telematika</w:t>
      </w:r>
      <w:proofErr w:type="gramEnd"/>
      <w:r>
        <w:t xml:space="preserve"> a.s.</w:t>
      </w:r>
    </w:p>
    <w:p w:rsidR="00F266A5" w:rsidRPr="00246962" w:rsidRDefault="00F266A5" w:rsidP="00F266A5">
      <w:pPr>
        <w:pStyle w:val="AONormal"/>
      </w:pPr>
    </w:p>
    <w:p w:rsidR="00F266A5" w:rsidRPr="00246962" w:rsidRDefault="00F266A5" w:rsidP="00F266A5">
      <w:pPr>
        <w:pStyle w:val="AOSchHead"/>
        <w:rPr>
          <w:b/>
        </w:rPr>
      </w:pPr>
      <w:bookmarkStart w:id="12" w:name="_Ref255842"/>
      <w:bookmarkStart w:id="13" w:name="_Ref232260591"/>
    </w:p>
    <w:p w:rsidR="00F266A5" w:rsidRPr="00246962" w:rsidRDefault="00F266A5" w:rsidP="00F266A5">
      <w:pPr>
        <w:pStyle w:val="AOSchTitle"/>
      </w:pPr>
      <w:bookmarkStart w:id="14" w:name="Priloha1"/>
      <w:bookmarkEnd w:id="12"/>
      <w:r w:rsidRPr="00246962">
        <w:t>Klíčoví členové Skupiny pro realizaci Projektu</w:t>
      </w:r>
      <w:bookmarkEnd w:id="14"/>
    </w:p>
    <w:bookmarkEnd w:id="13"/>
    <w:p w:rsidR="00F266A5" w:rsidRPr="00246962" w:rsidRDefault="00F266A5" w:rsidP="00F266A5">
      <w:pPr>
        <w:pStyle w:val="AONormal"/>
      </w:pPr>
    </w:p>
    <w:tbl>
      <w:tblPr>
        <w:tblStyle w:val="Mkatabulky"/>
        <w:tblW w:w="5000" w:type="pct"/>
        <w:tblLayout w:type="fixed"/>
        <w:tblCellMar>
          <w:left w:w="115" w:type="dxa"/>
          <w:right w:w="115" w:type="dxa"/>
        </w:tblCellMar>
        <w:tblLook w:val="04A0" w:firstRow="1" w:lastRow="0" w:firstColumn="1" w:lastColumn="0" w:noHBand="0" w:noVBand="1"/>
      </w:tblPr>
      <w:tblGrid>
        <w:gridCol w:w="2409"/>
        <w:gridCol w:w="2410"/>
        <w:gridCol w:w="1845"/>
        <w:gridCol w:w="2974"/>
      </w:tblGrid>
      <w:tr w:rsidR="00F266A5" w:rsidRPr="00B674C2" w:rsidTr="00144299">
        <w:tc>
          <w:tcPr>
            <w:tcW w:w="1250" w:type="pct"/>
          </w:tcPr>
          <w:p w:rsidR="00F266A5" w:rsidRPr="00B674C2" w:rsidRDefault="00F266A5" w:rsidP="005C5326">
            <w:pPr>
              <w:pStyle w:val="AODocTxt"/>
              <w:rPr>
                <w:b/>
                <w:bCs/>
              </w:rPr>
            </w:pPr>
            <w:r w:rsidRPr="00B674C2">
              <w:rPr>
                <w:b/>
                <w:bCs/>
              </w:rPr>
              <w:t>Jméno</w:t>
            </w:r>
          </w:p>
        </w:tc>
        <w:tc>
          <w:tcPr>
            <w:tcW w:w="1250" w:type="pct"/>
          </w:tcPr>
          <w:p w:rsidR="00F266A5" w:rsidRPr="00B674C2" w:rsidRDefault="00F266A5" w:rsidP="005C5326">
            <w:pPr>
              <w:pStyle w:val="AODocTxt"/>
              <w:jc w:val="left"/>
              <w:rPr>
                <w:b/>
                <w:bCs/>
              </w:rPr>
            </w:pPr>
            <w:r w:rsidRPr="00B674C2">
              <w:rPr>
                <w:b/>
                <w:bCs/>
              </w:rPr>
              <w:t>Postavení a úloha příslušného člena Skupiny A&amp;O</w:t>
            </w:r>
          </w:p>
        </w:tc>
        <w:tc>
          <w:tcPr>
            <w:tcW w:w="957" w:type="pct"/>
          </w:tcPr>
          <w:p w:rsidR="00F266A5" w:rsidRPr="00B674C2" w:rsidRDefault="00F266A5" w:rsidP="005C5326">
            <w:pPr>
              <w:pStyle w:val="AODocTxt"/>
              <w:rPr>
                <w:b/>
                <w:bCs/>
              </w:rPr>
            </w:pPr>
            <w:r w:rsidRPr="00B674C2">
              <w:rPr>
                <w:b/>
                <w:bCs/>
              </w:rPr>
              <w:t>Telefon</w:t>
            </w:r>
          </w:p>
        </w:tc>
        <w:tc>
          <w:tcPr>
            <w:tcW w:w="1543" w:type="pct"/>
          </w:tcPr>
          <w:p w:rsidR="00F266A5" w:rsidRPr="00B674C2" w:rsidRDefault="00F266A5" w:rsidP="005C5326">
            <w:pPr>
              <w:pStyle w:val="AODocTxt"/>
              <w:rPr>
                <w:b/>
                <w:bCs/>
              </w:rPr>
            </w:pPr>
            <w:r w:rsidRPr="00B674C2">
              <w:rPr>
                <w:b/>
                <w:bCs/>
              </w:rPr>
              <w:t>E-mail</w:t>
            </w:r>
          </w:p>
        </w:tc>
      </w:tr>
      <w:tr w:rsidR="00F266A5" w:rsidRPr="00B674C2" w:rsidTr="00144299">
        <w:tc>
          <w:tcPr>
            <w:tcW w:w="1250" w:type="pct"/>
          </w:tcPr>
          <w:p w:rsidR="00F266A5" w:rsidRPr="00B674C2" w:rsidRDefault="00144299" w:rsidP="005C5326">
            <w:pPr>
              <w:pStyle w:val="AODocTxt"/>
              <w:rPr>
                <w:b/>
                <w:bCs/>
              </w:rPr>
            </w:pPr>
            <w:r>
              <w:rPr>
                <w:b/>
                <w:bCs/>
              </w:rPr>
              <w:t>Petr Vybíral</w:t>
            </w:r>
          </w:p>
        </w:tc>
        <w:tc>
          <w:tcPr>
            <w:tcW w:w="1250" w:type="pct"/>
          </w:tcPr>
          <w:p w:rsidR="00F266A5" w:rsidRPr="00B674C2" w:rsidRDefault="00F266A5" w:rsidP="005C5326">
            <w:pPr>
              <w:pStyle w:val="AODocTxt"/>
              <w:jc w:val="left"/>
            </w:pPr>
            <w:r w:rsidRPr="00B674C2">
              <w:t>Odpovědný partner</w:t>
            </w:r>
            <w:r w:rsidRPr="00B674C2">
              <w:br/>
              <w:t xml:space="preserve">Allen &amp; </w:t>
            </w:r>
            <w:proofErr w:type="spellStart"/>
            <w:r w:rsidRPr="00B674C2">
              <w:t>Overy</w:t>
            </w:r>
            <w:proofErr w:type="spellEnd"/>
            <w:r w:rsidRPr="00B674C2">
              <w:t xml:space="preserve"> Praha</w:t>
            </w:r>
          </w:p>
        </w:tc>
        <w:tc>
          <w:tcPr>
            <w:tcW w:w="957" w:type="pct"/>
          </w:tcPr>
          <w:p w:rsidR="00F266A5" w:rsidRPr="00B674C2" w:rsidRDefault="00144299" w:rsidP="005C5326">
            <w:pPr>
              <w:pStyle w:val="AODocTxt"/>
            </w:pPr>
            <w:r>
              <w:t>+420 222 107 173</w:t>
            </w:r>
          </w:p>
        </w:tc>
        <w:tc>
          <w:tcPr>
            <w:tcW w:w="1543" w:type="pct"/>
          </w:tcPr>
          <w:p w:rsidR="00F266A5" w:rsidRPr="00B674C2" w:rsidRDefault="00144299" w:rsidP="005C5326">
            <w:pPr>
              <w:pStyle w:val="AODocTxt"/>
            </w:pPr>
            <w:r>
              <w:t>petr.vybiral@allenovery.com</w:t>
            </w:r>
          </w:p>
        </w:tc>
      </w:tr>
      <w:tr w:rsidR="00F266A5" w:rsidRPr="00B674C2" w:rsidTr="00144299">
        <w:tc>
          <w:tcPr>
            <w:tcW w:w="1250" w:type="pct"/>
          </w:tcPr>
          <w:p w:rsidR="00F266A5" w:rsidRPr="00B674C2" w:rsidRDefault="00144299" w:rsidP="005C5326">
            <w:pPr>
              <w:pStyle w:val="AODocTxt"/>
              <w:rPr>
                <w:b/>
                <w:bCs/>
              </w:rPr>
            </w:pPr>
            <w:r>
              <w:rPr>
                <w:b/>
                <w:bCs/>
              </w:rPr>
              <w:t xml:space="preserve">Petr </w:t>
            </w:r>
            <w:proofErr w:type="spellStart"/>
            <w:r>
              <w:rPr>
                <w:b/>
                <w:bCs/>
              </w:rPr>
              <w:t>Sprinz</w:t>
            </w:r>
            <w:proofErr w:type="spellEnd"/>
          </w:p>
        </w:tc>
        <w:tc>
          <w:tcPr>
            <w:tcW w:w="1250" w:type="pct"/>
          </w:tcPr>
          <w:p w:rsidR="00F266A5" w:rsidRPr="00B674C2" w:rsidRDefault="00144299" w:rsidP="005C5326">
            <w:pPr>
              <w:pStyle w:val="AODocTxt"/>
            </w:pPr>
            <w:proofErr w:type="spellStart"/>
            <w:r>
              <w:t>Counsel</w:t>
            </w:r>
            <w:proofErr w:type="spellEnd"/>
            <w:r w:rsidR="00F266A5" w:rsidRPr="00B674C2">
              <w:br/>
              <w:t xml:space="preserve">Allen &amp; </w:t>
            </w:r>
            <w:proofErr w:type="spellStart"/>
            <w:r w:rsidR="00F266A5" w:rsidRPr="00B674C2">
              <w:t>Overy</w:t>
            </w:r>
            <w:proofErr w:type="spellEnd"/>
            <w:r w:rsidR="00F266A5" w:rsidRPr="00B674C2">
              <w:t xml:space="preserve"> Praha</w:t>
            </w:r>
          </w:p>
        </w:tc>
        <w:tc>
          <w:tcPr>
            <w:tcW w:w="957" w:type="pct"/>
          </w:tcPr>
          <w:p w:rsidR="00F266A5" w:rsidRPr="00B674C2" w:rsidRDefault="00144299" w:rsidP="00144299">
            <w:pPr>
              <w:pStyle w:val="AODocTxt"/>
            </w:pPr>
            <w:r>
              <w:t>+420 222 107 191</w:t>
            </w:r>
          </w:p>
        </w:tc>
        <w:tc>
          <w:tcPr>
            <w:tcW w:w="1543" w:type="pct"/>
          </w:tcPr>
          <w:p w:rsidR="00F266A5" w:rsidRPr="00B674C2" w:rsidRDefault="00144299" w:rsidP="005C5326">
            <w:pPr>
              <w:pStyle w:val="AODocTxt"/>
            </w:pPr>
            <w:r>
              <w:t>petr.sprinz@allenovery.com</w:t>
            </w:r>
          </w:p>
        </w:tc>
      </w:tr>
      <w:tr w:rsidR="00F266A5" w:rsidRPr="00B674C2" w:rsidTr="00144299">
        <w:tc>
          <w:tcPr>
            <w:tcW w:w="1250" w:type="pct"/>
          </w:tcPr>
          <w:p w:rsidR="00F266A5" w:rsidRPr="00B674C2" w:rsidRDefault="00144299" w:rsidP="005C5326">
            <w:pPr>
              <w:pStyle w:val="AODocTxt"/>
              <w:rPr>
                <w:b/>
                <w:bCs/>
              </w:rPr>
            </w:pPr>
            <w:r>
              <w:rPr>
                <w:b/>
                <w:bCs/>
              </w:rPr>
              <w:t xml:space="preserve">Jiří </w:t>
            </w:r>
            <w:proofErr w:type="spellStart"/>
            <w:r>
              <w:rPr>
                <w:b/>
                <w:bCs/>
              </w:rPr>
              <w:t>Rahm</w:t>
            </w:r>
            <w:proofErr w:type="spellEnd"/>
          </w:p>
        </w:tc>
        <w:tc>
          <w:tcPr>
            <w:tcW w:w="1250" w:type="pct"/>
          </w:tcPr>
          <w:p w:rsidR="00F266A5" w:rsidRPr="00B674C2" w:rsidRDefault="00144299" w:rsidP="005C5326">
            <w:pPr>
              <w:pStyle w:val="AODocTxt"/>
              <w:jc w:val="left"/>
            </w:pPr>
            <w:r>
              <w:t>A</w:t>
            </w:r>
            <w:r w:rsidR="00F266A5" w:rsidRPr="00B674C2">
              <w:t>dvokát</w:t>
            </w:r>
            <w:r w:rsidR="00F266A5" w:rsidRPr="00B674C2">
              <w:br/>
              <w:t xml:space="preserve">Allen &amp; </w:t>
            </w:r>
            <w:proofErr w:type="spellStart"/>
            <w:r w:rsidR="00F266A5" w:rsidRPr="00B674C2">
              <w:t>Overy</w:t>
            </w:r>
            <w:proofErr w:type="spellEnd"/>
            <w:r w:rsidR="00F266A5" w:rsidRPr="00B674C2">
              <w:t xml:space="preserve"> Praha</w:t>
            </w:r>
          </w:p>
        </w:tc>
        <w:tc>
          <w:tcPr>
            <w:tcW w:w="957" w:type="pct"/>
          </w:tcPr>
          <w:p w:rsidR="00F266A5" w:rsidRPr="00B674C2" w:rsidRDefault="00144299" w:rsidP="005C5326">
            <w:pPr>
              <w:pStyle w:val="AODocTxt"/>
            </w:pPr>
            <w:r>
              <w:t>+420 222 107 105</w:t>
            </w:r>
          </w:p>
        </w:tc>
        <w:tc>
          <w:tcPr>
            <w:tcW w:w="1543" w:type="pct"/>
          </w:tcPr>
          <w:p w:rsidR="00F266A5" w:rsidRPr="00B674C2" w:rsidRDefault="00144299" w:rsidP="005C5326">
            <w:pPr>
              <w:pStyle w:val="AODocTxt"/>
            </w:pPr>
            <w:r>
              <w:t>jiri.rahm@allenovery.com</w:t>
            </w:r>
          </w:p>
        </w:tc>
      </w:tr>
      <w:tr w:rsidR="00144299" w:rsidRPr="00B674C2" w:rsidTr="00144299">
        <w:tc>
          <w:tcPr>
            <w:tcW w:w="1250" w:type="pct"/>
          </w:tcPr>
          <w:p w:rsidR="00144299" w:rsidRDefault="00144299" w:rsidP="005C5326">
            <w:pPr>
              <w:pStyle w:val="AODocTxt"/>
              <w:rPr>
                <w:b/>
                <w:bCs/>
              </w:rPr>
            </w:pPr>
            <w:r>
              <w:rPr>
                <w:b/>
                <w:bCs/>
              </w:rPr>
              <w:t>Martin Štípa</w:t>
            </w:r>
          </w:p>
        </w:tc>
        <w:tc>
          <w:tcPr>
            <w:tcW w:w="1250" w:type="pct"/>
          </w:tcPr>
          <w:p w:rsidR="00144299" w:rsidRPr="00B674C2" w:rsidRDefault="00144299" w:rsidP="00144299">
            <w:pPr>
              <w:pStyle w:val="AODocTxt"/>
              <w:jc w:val="left"/>
            </w:pPr>
            <w:r>
              <w:t>Advokát</w:t>
            </w:r>
            <w:r>
              <w:br/>
              <w:t xml:space="preserve">Allen &amp; </w:t>
            </w:r>
            <w:proofErr w:type="spellStart"/>
            <w:r>
              <w:t>Overy</w:t>
            </w:r>
            <w:proofErr w:type="spellEnd"/>
            <w:r>
              <w:t xml:space="preserve"> Praha</w:t>
            </w:r>
          </w:p>
        </w:tc>
        <w:tc>
          <w:tcPr>
            <w:tcW w:w="957" w:type="pct"/>
          </w:tcPr>
          <w:p w:rsidR="00144299" w:rsidRDefault="00144299" w:rsidP="005C5326">
            <w:pPr>
              <w:pStyle w:val="AODocTxt"/>
            </w:pPr>
            <w:r>
              <w:t>+420 222 107 156</w:t>
            </w:r>
          </w:p>
        </w:tc>
        <w:tc>
          <w:tcPr>
            <w:tcW w:w="1543" w:type="pct"/>
          </w:tcPr>
          <w:p w:rsidR="00144299" w:rsidRDefault="00144299" w:rsidP="005C5326">
            <w:pPr>
              <w:pStyle w:val="AODocTxt"/>
            </w:pPr>
            <w:r>
              <w:t>martin.stipa@allenovery.com</w:t>
            </w:r>
          </w:p>
        </w:tc>
      </w:tr>
      <w:tr w:rsidR="00144299" w:rsidRPr="00B674C2" w:rsidTr="00144299">
        <w:tc>
          <w:tcPr>
            <w:tcW w:w="1250" w:type="pct"/>
          </w:tcPr>
          <w:p w:rsidR="00144299" w:rsidRPr="00B674C2" w:rsidRDefault="00144299" w:rsidP="005C5326">
            <w:pPr>
              <w:pStyle w:val="AODocTxt"/>
              <w:rPr>
                <w:b/>
                <w:bCs/>
              </w:rPr>
            </w:pPr>
            <w:r>
              <w:rPr>
                <w:b/>
                <w:bCs/>
              </w:rPr>
              <w:t>Ondřej Lasák</w:t>
            </w:r>
          </w:p>
        </w:tc>
        <w:tc>
          <w:tcPr>
            <w:tcW w:w="1250" w:type="pct"/>
          </w:tcPr>
          <w:p w:rsidR="00144299" w:rsidRPr="00B674C2" w:rsidRDefault="00144299" w:rsidP="00144299">
            <w:pPr>
              <w:pStyle w:val="AODocTxt"/>
              <w:jc w:val="left"/>
            </w:pPr>
            <w:r w:rsidRPr="00B674C2">
              <w:t>Advokát</w:t>
            </w:r>
            <w:r>
              <w:t>ní koncipient</w:t>
            </w:r>
            <w:r w:rsidRPr="00B674C2">
              <w:br/>
              <w:t xml:space="preserve">Allen &amp; </w:t>
            </w:r>
            <w:proofErr w:type="spellStart"/>
            <w:r w:rsidRPr="00B674C2">
              <w:t>Overy</w:t>
            </w:r>
            <w:proofErr w:type="spellEnd"/>
            <w:r w:rsidRPr="00B674C2">
              <w:t xml:space="preserve"> Praha</w:t>
            </w:r>
          </w:p>
        </w:tc>
        <w:tc>
          <w:tcPr>
            <w:tcW w:w="957" w:type="pct"/>
          </w:tcPr>
          <w:p w:rsidR="00144299" w:rsidRPr="00B674C2" w:rsidRDefault="00144299" w:rsidP="005C5326">
            <w:pPr>
              <w:pStyle w:val="AODocTxt"/>
            </w:pPr>
            <w:r>
              <w:t>+420 222 107 174</w:t>
            </w:r>
          </w:p>
        </w:tc>
        <w:tc>
          <w:tcPr>
            <w:tcW w:w="1543" w:type="pct"/>
          </w:tcPr>
          <w:p w:rsidR="00144299" w:rsidRPr="00B674C2" w:rsidRDefault="00144299" w:rsidP="005C5326">
            <w:pPr>
              <w:pStyle w:val="AODocTxt"/>
            </w:pPr>
            <w:r w:rsidRPr="00144299">
              <w:t>ondrej.lasak@allenovery.com</w:t>
            </w:r>
          </w:p>
        </w:tc>
      </w:tr>
    </w:tbl>
    <w:p w:rsidR="00F266A5" w:rsidRPr="00246962" w:rsidRDefault="00F266A5" w:rsidP="00F266A5">
      <w:pPr>
        <w:pStyle w:val="AODocTxt"/>
        <w:rPr>
          <w:rFonts w:eastAsia="Times New Roman"/>
          <w:szCs w:val="24"/>
        </w:rPr>
      </w:pPr>
    </w:p>
    <w:p w:rsidR="00F266A5" w:rsidRPr="00246962" w:rsidRDefault="00F266A5" w:rsidP="00F266A5">
      <w:pPr>
        <w:pStyle w:val="AOSchHead"/>
        <w:rPr>
          <w:b/>
        </w:rPr>
      </w:pPr>
      <w:bookmarkStart w:id="15" w:name="_Ref257768"/>
      <w:bookmarkStart w:id="16" w:name="_Ref235426563"/>
    </w:p>
    <w:bookmarkEnd w:id="15"/>
    <w:p w:rsidR="00F266A5" w:rsidRPr="00246962" w:rsidRDefault="00FB67FF" w:rsidP="00F266A5">
      <w:pPr>
        <w:pStyle w:val="AOSchTitle"/>
      </w:pPr>
      <w:r>
        <w:t>XXX</w:t>
      </w:r>
    </w:p>
    <w:bookmarkEnd w:id="16"/>
    <w:p w:rsidR="00F266A5" w:rsidRPr="00246962" w:rsidRDefault="00204784" w:rsidP="00F266A5">
      <w:pPr>
        <w:pStyle w:val="AOGenNum3"/>
        <w:rPr>
          <w:rFonts w:eastAsia="Times New Roman"/>
          <w:szCs w:val="24"/>
        </w:rPr>
      </w:pPr>
      <w:r>
        <w:rPr>
          <w:rFonts w:eastAsia="Times New Roman"/>
          <w:szCs w:val="24"/>
        </w:rPr>
        <w:t>XXX</w:t>
      </w:r>
    </w:p>
    <w:p w:rsidR="00F266A5" w:rsidRPr="00E8533E" w:rsidRDefault="00204784" w:rsidP="00F266A5">
      <w:pPr>
        <w:pStyle w:val="AOGenNum3"/>
      </w:pPr>
      <w:r>
        <w:rPr>
          <w:rFonts w:eastAsia="Times New Roman"/>
          <w:szCs w:val="24"/>
        </w:rPr>
        <w:t>XXX</w:t>
      </w:r>
    </w:p>
    <w:p w:rsidR="00F266A5" w:rsidRPr="00246962" w:rsidRDefault="00F266A5" w:rsidP="00F266A5">
      <w:pPr>
        <w:pStyle w:val="AONormal"/>
        <w:ind w:left="709"/>
      </w:pPr>
    </w:p>
    <w:tbl>
      <w:tblPr>
        <w:tblStyle w:val="Svtltabulkasmkou1zvraznn3"/>
        <w:tblW w:w="2797" w:type="pct"/>
        <w:tblInd w:w="2119" w:type="dxa"/>
        <w:tblLook w:val="04A0" w:firstRow="1" w:lastRow="0" w:firstColumn="1" w:lastColumn="0" w:noHBand="0" w:noVBand="1"/>
      </w:tblPr>
      <w:tblGrid>
        <w:gridCol w:w="2628"/>
        <w:gridCol w:w="2758"/>
      </w:tblGrid>
      <w:tr w:rsidR="005E43CD" w:rsidRPr="00B674C2" w:rsidTr="005E43C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40" w:type="pct"/>
          </w:tcPr>
          <w:p w:rsidR="005E43CD" w:rsidRPr="00B674C2" w:rsidRDefault="00204784" w:rsidP="005C5326">
            <w:pPr>
              <w:pStyle w:val="AONormal"/>
              <w:spacing w:before="60"/>
              <w:jc w:val="center"/>
              <w:rPr>
                <w:b w:val="0"/>
                <w:sz w:val="18"/>
                <w:szCs w:val="18"/>
              </w:rPr>
            </w:pPr>
            <w:r>
              <w:rPr>
                <w:b w:val="0"/>
                <w:sz w:val="18"/>
                <w:szCs w:val="18"/>
              </w:rPr>
              <w:t>XXX</w:t>
            </w:r>
          </w:p>
        </w:tc>
        <w:tc>
          <w:tcPr>
            <w:tcW w:w="2560" w:type="pct"/>
          </w:tcPr>
          <w:p w:rsidR="005E43CD" w:rsidRPr="00B674C2" w:rsidRDefault="00204784" w:rsidP="005E43CD">
            <w:pPr>
              <w:pStyle w:val="AONormal"/>
              <w:spacing w:before="60"/>
              <w:jc w:val="center"/>
              <w:cnfStyle w:val="100000000000" w:firstRow="1" w:lastRow="0" w:firstColumn="0" w:lastColumn="0" w:oddVBand="0" w:evenVBand="0" w:oddHBand="0" w:evenHBand="0" w:firstRowFirstColumn="0" w:firstRowLastColumn="0" w:lastRowFirstColumn="0" w:lastRowLastColumn="0"/>
              <w:rPr>
                <w:sz w:val="18"/>
                <w:szCs w:val="18"/>
              </w:rPr>
            </w:pPr>
            <w:r>
              <w:rPr>
                <w:b w:val="0"/>
                <w:sz w:val="18"/>
                <w:szCs w:val="18"/>
              </w:rPr>
              <w:t>XXX</w:t>
            </w:r>
          </w:p>
        </w:tc>
      </w:tr>
      <w:tr w:rsidR="005E43CD" w:rsidRPr="00B674C2" w:rsidTr="005E43CD">
        <w:tc>
          <w:tcPr>
            <w:cnfStyle w:val="001000000000" w:firstRow="0" w:lastRow="0" w:firstColumn="1" w:lastColumn="0" w:oddVBand="0" w:evenVBand="0" w:oddHBand="0" w:evenHBand="0" w:firstRowFirstColumn="0" w:firstRowLastColumn="0" w:lastRowFirstColumn="0" w:lastRowLastColumn="0"/>
            <w:tcW w:w="2440" w:type="pct"/>
          </w:tcPr>
          <w:p w:rsidR="005E43CD" w:rsidRPr="00B674C2" w:rsidRDefault="00204784" w:rsidP="005E43CD">
            <w:pPr>
              <w:pStyle w:val="AONormal"/>
              <w:spacing w:before="60"/>
              <w:rPr>
                <w:b w:val="0"/>
                <w:i/>
                <w:sz w:val="18"/>
                <w:szCs w:val="18"/>
              </w:rPr>
            </w:pPr>
            <w:r>
              <w:rPr>
                <w:b w:val="0"/>
                <w:sz w:val="18"/>
                <w:szCs w:val="18"/>
              </w:rPr>
              <w:t>XXX</w:t>
            </w:r>
          </w:p>
        </w:tc>
        <w:tc>
          <w:tcPr>
            <w:tcW w:w="2560" w:type="pct"/>
          </w:tcPr>
          <w:p w:rsidR="005E43CD" w:rsidRPr="00B674C2" w:rsidRDefault="00204784" w:rsidP="005C5326">
            <w:pPr>
              <w:pStyle w:val="AONormal"/>
              <w:spacing w:before="60"/>
              <w:jc w:val="center"/>
              <w:cnfStyle w:val="000000000000" w:firstRow="0" w:lastRow="0" w:firstColumn="0" w:lastColumn="0" w:oddVBand="0" w:evenVBand="0" w:oddHBand="0" w:evenHBand="0" w:firstRowFirstColumn="0" w:firstRowLastColumn="0" w:lastRowFirstColumn="0" w:lastRowLastColumn="0"/>
              <w:rPr>
                <w:b/>
                <w:sz w:val="18"/>
                <w:szCs w:val="18"/>
              </w:rPr>
            </w:pPr>
            <w:r>
              <w:rPr>
                <w:b/>
                <w:sz w:val="18"/>
                <w:szCs w:val="18"/>
              </w:rPr>
              <w:t>XXX</w:t>
            </w:r>
          </w:p>
        </w:tc>
      </w:tr>
      <w:tr w:rsidR="005E43CD" w:rsidRPr="00B674C2" w:rsidTr="005E43CD">
        <w:tc>
          <w:tcPr>
            <w:cnfStyle w:val="001000000000" w:firstRow="0" w:lastRow="0" w:firstColumn="1" w:lastColumn="0" w:oddVBand="0" w:evenVBand="0" w:oddHBand="0" w:evenHBand="0" w:firstRowFirstColumn="0" w:firstRowLastColumn="0" w:lastRowFirstColumn="0" w:lastRowLastColumn="0"/>
            <w:tcW w:w="2440" w:type="pct"/>
          </w:tcPr>
          <w:p w:rsidR="005E43CD" w:rsidRPr="00B674C2" w:rsidRDefault="00204784" w:rsidP="005C5326">
            <w:pPr>
              <w:pStyle w:val="AONormal"/>
              <w:spacing w:before="60"/>
              <w:rPr>
                <w:b w:val="0"/>
                <w:sz w:val="18"/>
                <w:szCs w:val="18"/>
              </w:rPr>
            </w:pPr>
            <w:r>
              <w:rPr>
                <w:b w:val="0"/>
                <w:sz w:val="18"/>
                <w:szCs w:val="18"/>
              </w:rPr>
              <w:t>XXX</w:t>
            </w:r>
          </w:p>
        </w:tc>
        <w:tc>
          <w:tcPr>
            <w:tcW w:w="2560" w:type="pct"/>
          </w:tcPr>
          <w:p w:rsidR="005E43CD" w:rsidRPr="00B674C2" w:rsidRDefault="00204784" w:rsidP="005C5326">
            <w:pPr>
              <w:pStyle w:val="AONormal"/>
              <w:spacing w:before="60"/>
              <w:jc w:val="center"/>
              <w:cnfStyle w:val="000000000000" w:firstRow="0" w:lastRow="0" w:firstColumn="0" w:lastColumn="0" w:oddVBand="0" w:evenVBand="0" w:oddHBand="0" w:evenHBand="0" w:firstRowFirstColumn="0" w:firstRowLastColumn="0" w:lastRowFirstColumn="0" w:lastRowLastColumn="0"/>
              <w:rPr>
                <w:b/>
                <w:sz w:val="18"/>
                <w:szCs w:val="18"/>
              </w:rPr>
            </w:pPr>
            <w:r>
              <w:rPr>
                <w:b/>
                <w:sz w:val="18"/>
                <w:szCs w:val="18"/>
              </w:rPr>
              <w:t>XXX</w:t>
            </w:r>
          </w:p>
        </w:tc>
      </w:tr>
      <w:tr w:rsidR="005E43CD" w:rsidRPr="00B674C2" w:rsidTr="005E43CD">
        <w:tc>
          <w:tcPr>
            <w:cnfStyle w:val="001000000000" w:firstRow="0" w:lastRow="0" w:firstColumn="1" w:lastColumn="0" w:oddVBand="0" w:evenVBand="0" w:oddHBand="0" w:evenHBand="0" w:firstRowFirstColumn="0" w:firstRowLastColumn="0" w:lastRowFirstColumn="0" w:lastRowLastColumn="0"/>
            <w:tcW w:w="2440" w:type="pct"/>
          </w:tcPr>
          <w:p w:rsidR="005E43CD" w:rsidRDefault="00204784" w:rsidP="005C5326">
            <w:pPr>
              <w:pStyle w:val="AONormal"/>
              <w:spacing w:before="60"/>
              <w:rPr>
                <w:b w:val="0"/>
                <w:sz w:val="18"/>
                <w:szCs w:val="18"/>
              </w:rPr>
            </w:pPr>
            <w:r>
              <w:rPr>
                <w:b w:val="0"/>
                <w:sz w:val="18"/>
                <w:szCs w:val="18"/>
              </w:rPr>
              <w:t>XXX</w:t>
            </w:r>
          </w:p>
        </w:tc>
        <w:tc>
          <w:tcPr>
            <w:tcW w:w="2560" w:type="pct"/>
          </w:tcPr>
          <w:p w:rsidR="005E43CD" w:rsidRPr="00B674C2" w:rsidRDefault="00204784" w:rsidP="005C5326">
            <w:pPr>
              <w:pStyle w:val="AONormal"/>
              <w:spacing w:before="60"/>
              <w:jc w:val="center"/>
              <w:cnfStyle w:val="000000000000" w:firstRow="0" w:lastRow="0" w:firstColumn="0" w:lastColumn="0" w:oddVBand="0" w:evenVBand="0" w:oddHBand="0" w:evenHBand="0" w:firstRowFirstColumn="0" w:firstRowLastColumn="0" w:lastRowFirstColumn="0" w:lastRowLastColumn="0"/>
              <w:rPr>
                <w:b/>
                <w:sz w:val="18"/>
                <w:szCs w:val="18"/>
              </w:rPr>
            </w:pPr>
            <w:r>
              <w:rPr>
                <w:b/>
                <w:sz w:val="18"/>
                <w:szCs w:val="18"/>
              </w:rPr>
              <w:t>XXX</w:t>
            </w:r>
          </w:p>
        </w:tc>
      </w:tr>
      <w:tr w:rsidR="005E43CD" w:rsidRPr="00B674C2" w:rsidTr="005E43CD">
        <w:tc>
          <w:tcPr>
            <w:cnfStyle w:val="001000000000" w:firstRow="0" w:lastRow="0" w:firstColumn="1" w:lastColumn="0" w:oddVBand="0" w:evenVBand="0" w:oddHBand="0" w:evenHBand="0" w:firstRowFirstColumn="0" w:firstRowLastColumn="0" w:lastRowFirstColumn="0" w:lastRowLastColumn="0"/>
            <w:tcW w:w="2440" w:type="pct"/>
          </w:tcPr>
          <w:p w:rsidR="005E43CD" w:rsidRDefault="00204784" w:rsidP="005C5326">
            <w:pPr>
              <w:pStyle w:val="AONormal"/>
              <w:spacing w:before="60"/>
              <w:rPr>
                <w:b w:val="0"/>
                <w:sz w:val="18"/>
                <w:szCs w:val="18"/>
              </w:rPr>
            </w:pPr>
            <w:r>
              <w:rPr>
                <w:b w:val="0"/>
                <w:sz w:val="18"/>
                <w:szCs w:val="18"/>
              </w:rPr>
              <w:t>XXX</w:t>
            </w:r>
          </w:p>
        </w:tc>
        <w:tc>
          <w:tcPr>
            <w:tcW w:w="2560" w:type="pct"/>
          </w:tcPr>
          <w:p w:rsidR="005E43CD" w:rsidRPr="00B674C2" w:rsidRDefault="00204784" w:rsidP="005C5326">
            <w:pPr>
              <w:pStyle w:val="AONormal"/>
              <w:spacing w:before="60"/>
              <w:jc w:val="center"/>
              <w:cnfStyle w:val="000000000000" w:firstRow="0" w:lastRow="0" w:firstColumn="0" w:lastColumn="0" w:oddVBand="0" w:evenVBand="0" w:oddHBand="0" w:evenHBand="0" w:firstRowFirstColumn="0" w:firstRowLastColumn="0" w:lastRowFirstColumn="0" w:lastRowLastColumn="0"/>
              <w:rPr>
                <w:b/>
                <w:sz w:val="18"/>
                <w:szCs w:val="18"/>
              </w:rPr>
            </w:pPr>
            <w:r>
              <w:rPr>
                <w:b/>
                <w:sz w:val="18"/>
                <w:szCs w:val="18"/>
              </w:rPr>
              <w:t>XXX</w:t>
            </w:r>
          </w:p>
        </w:tc>
      </w:tr>
    </w:tbl>
    <w:p w:rsidR="00F266A5" w:rsidRPr="00246962" w:rsidRDefault="00204784" w:rsidP="00E900D2">
      <w:pPr>
        <w:pStyle w:val="AOGenNum3List"/>
        <w:numPr>
          <w:ilvl w:val="0"/>
          <w:numId w:val="0"/>
        </w:numPr>
        <w:rPr>
          <w:rFonts w:eastAsia="Times New Roman"/>
          <w:szCs w:val="24"/>
        </w:rPr>
      </w:pPr>
      <w:r>
        <w:rPr>
          <w:rFonts w:eastAsia="Times New Roman"/>
          <w:szCs w:val="24"/>
        </w:rPr>
        <w:t>XXX</w:t>
      </w:r>
    </w:p>
    <w:p w:rsidR="00F266A5" w:rsidRPr="00246962" w:rsidRDefault="00204784" w:rsidP="00F266A5">
      <w:pPr>
        <w:pStyle w:val="AOGenNum3"/>
      </w:pPr>
      <w:r>
        <w:t>XXX</w:t>
      </w:r>
    </w:p>
    <w:p w:rsidR="00F266A5" w:rsidRPr="00246962" w:rsidRDefault="00204784" w:rsidP="00F266A5">
      <w:pPr>
        <w:pStyle w:val="AOGenNum3"/>
      </w:pPr>
      <w:r>
        <w:t>XXX</w:t>
      </w:r>
    </w:p>
    <w:p w:rsidR="003417F6" w:rsidRDefault="00204784" w:rsidP="00F266A5">
      <w:pPr>
        <w:pStyle w:val="AOGenNum3"/>
      </w:pPr>
      <w:r>
        <w:t>XXX</w:t>
      </w:r>
    </w:p>
    <w:p w:rsidR="00F266A5" w:rsidRPr="00246962" w:rsidRDefault="00204784" w:rsidP="00F266A5">
      <w:pPr>
        <w:pStyle w:val="AOGenNum3"/>
      </w:pPr>
      <w:r>
        <w:t>XXX</w:t>
      </w:r>
      <w:bookmarkStart w:id="17" w:name="_GoBack"/>
      <w:bookmarkEnd w:id="17"/>
    </w:p>
    <w:p w:rsidR="00F266A5" w:rsidRPr="00246962" w:rsidRDefault="00F266A5" w:rsidP="00F266A5">
      <w:pPr>
        <w:pStyle w:val="AOSchHead"/>
        <w:rPr>
          <w:b/>
        </w:rPr>
      </w:pPr>
      <w:bookmarkStart w:id="18" w:name="_Ref187862"/>
    </w:p>
    <w:p w:rsidR="00F266A5" w:rsidRPr="00246962" w:rsidRDefault="00F266A5" w:rsidP="00F266A5">
      <w:pPr>
        <w:pStyle w:val="AOSchTitle"/>
      </w:pPr>
      <w:bookmarkStart w:id="19" w:name="Priloha3"/>
      <w:bookmarkEnd w:id="18"/>
      <w:r w:rsidRPr="00246962">
        <w:t>Mezinárodní standardní obchodní podmínky Allen &amp; Overy</w:t>
      </w:r>
      <w:bookmarkEnd w:id="19"/>
    </w:p>
    <w:p w:rsidR="00F266A5" w:rsidRPr="00246962" w:rsidRDefault="00F266A5" w:rsidP="00F266A5">
      <w:pPr>
        <w:pStyle w:val="AOGenNum2"/>
      </w:pPr>
      <w:bookmarkStart w:id="20" w:name="_Ref193644848"/>
      <w:r w:rsidRPr="00246962">
        <w:t>Definice</w:t>
      </w:r>
      <w:bookmarkEnd w:id="20"/>
    </w:p>
    <w:p w:rsidR="00F266A5" w:rsidRPr="00246962" w:rsidRDefault="00F266A5" w:rsidP="00F266A5">
      <w:pPr>
        <w:pStyle w:val="AODocTxtL1"/>
      </w:pPr>
      <w:r w:rsidRPr="00246962">
        <w:t xml:space="preserve">Nevyplývá-li z kontextu </w:t>
      </w:r>
      <w:r w:rsidRPr="00246962">
        <w:rPr>
          <w:rFonts w:eastAsia="Times New Roman"/>
        </w:rPr>
        <w:t>něco</w:t>
      </w:r>
      <w:r w:rsidRPr="00246962">
        <w:t xml:space="preserve"> jiného:</w:t>
      </w:r>
    </w:p>
    <w:p w:rsidR="00F266A5" w:rsidRPr="00246962" w:rsidRDefault="00F266A5" w:rsidP="00F266A5">
      <w:pPr>
        <w:pStyle w:val="AODocTxtL1"/>
      </w:pPr>
      <w:r w:rsidRPr="00246962">
        <w:rPr>
          <w:b/>
        </w:rPr>
        <w:t xml:space="preserve">Allen &amp; </w:t>
      </w:r>
      <w:proofErr w:type="spellStart"/>
      <w:r w:rsidRPr="00246962">
        <w:rPr>
          <w:b/>
        </w:rPr>
        <w:t>Overy</w:t>
      </w:r>
      <w:proofErr w:type="spellEnd"/>
      <w:r w:rsidRPr="00246962">
        <w:rPr>
          <w:b/>
        </w:rPr>
        <w:t xml:space="preserve"> LLP </w:t>
      </w:r>
      <w:r w:rsidRPr="00246962">
        <w:t xml:space="preserve">je sdružení s ručením omezeným zapsané v obchodním rejstříku pro Anglii a Wales pod číslem OC 306763, se sídlem na adrese </w:t>
      </w:r>
      <w:proofErr w:type="spellStart"/>
      <w:r w:rsidRPr="00246962">
        <w:t>One</w:t>
      </w:r>
      <w:proofErr w:type="spellEnd"/>
      <w:r w:rsidRPr="00246962">
        <w:t xml:space="preserve"> </w:t>
      </w:r>
      <w:proofErr w:type="spellStart"/>
      <w:r w:rsidRPr="00246962">
        <w:t>Bishops</w:t>
      </w:r>
      <w:proofErr w:type="spellEnd"/>
      <w:r w:rsidRPr="00246962">
        <w:t xml:space="preserve"> Square, Londýn E1 6AD, Spojené království Velké Británie a Severního Irska; </w:t>
      </w:r>
    </w:p>
    <w:p w:rsidR="00F266A5" w:rsidRDefault="00F266A5" w:rsidP="00F266A5">
      <w:pPr>
        <w:pStyle w:val="AODocTxtL1"/>
      </w:pPr>
      <w:r w:rsidRPr="001951F7">
        <w:rPr>
          <w:b/>
        </w:rPr>
        <w:t>Dceřiná společnost</w:t>
      </w:r>
      <w:r w:rsidRPr="00246962">
        <w:t xml:space="preserve"> znamená dceřinou společnost a dceřiný podnik, jak jsou definovány v § 1159 až § 1162 anglického Zákona o obchodních společnostech z roku 2006, a Dceřiné společnosti mají z toho vyplývající význam;</w:t>
      </w:r>
    </w:p>
    <w:p w:rsidR="00F266A5" w:rsidRPr="00246962" w:rsidRDefault="00F266A5" w:rsidP="00F266A5">
      <w:pPr>
        <w:pStyle w:val="AODocTxtL1"/>
      </w:pPr>
      <w:r w:rsidRPr="00E26E5D">
        <w:rPr>
          <w:b/>
        </w:rPr>
        <w:t>EU GDPR</w:t>
      </w:r>
      <w:r>
        <w:t xml:space="preserve"> znamená nařízení EU 2016/679 </w:t>
      </w:r>
      <w:r w:rsidRPr="00D0484D">
        <w:t>ochraně fyzických osob v souvislosti se zpracováním osobních údajů a o volném pohybu těchto údajů</w:t>
      </w:r>
      <w:r>
        <w:t>.</w:t>
      </w:r>
    </w:p>
    <w:p w:rsidR="00F266A5" w:rsidRPr="00246962" w:rsidRDefault="00F266A5" w:rsidP="00F266A5">
      <w:pPr>
        <w:pStyle w:val="AODocTxtL1"/>
      </w:pPr>
      <w:r w:rsidRPr="00246962">
        <w:rPr>
          <w:b/>
        </w:rPr>
        <w:t>Odpovědný partner</w:t>
      </w:r>
      <w:r w:rsidRPr="00246962">
        <w:t xml:space="preserve"> znamená takto příležitostně označeného Partnera. Jestliže </w:t>
      </w:r>
      <w:r w:rsidRPr="00246962">
        <w:rPr>
          <w:rFonts w:eastAsia="Times New Roman"/>
        </w:rPr>
        <w:t>nebyl</w:t>
      </w:r>
      <w:r w:rsidRPr="00246962">
        <w:t xml:space="preserve"> takto označen žádný Partner, je Odpovědným partnerem pro příslušný projekt Partner, který vykonává celkový dohled nad tímto projektem; </w:t>
      </w:r>
    </w:p>
    <w:p w:rsidR="00F266A5" w:rsidRPr="00246962" w:rsidRDefault="00F266A5" w:rsidP="00F266A5">
      <w:pPr>
        <w:pStyle w:val="AODocTxtL1"/>
      </w:pPr>
      <w:r w:rsidRPr="00246962">
        <w:rPr>
          <w:b/>
        </w:rPr>
        <w:t>Osobní údaje</w:t>
      </w:r>
      <w:r w:rsidRPr="00246962">
        <w:t xml:space="preserve"> jsou veškeré osobní údaje</w:t>
      </w:r>
      <w:r>
        <w:t xml:space="preserve"> nebo osobní informace (jak jsou tyto pojmy</w:t>
      </w:r>
      <w:r w:rsidRPr="00246962">
        <w:t xml:space="preserve"> vymezen</w:t>
      </w:r>
      <w:r>
        <w:t>y</w:t>
      </w:r>
      <w:r w:rsidRPr="00246962">
        <w:t xml:space="preserve"> v</w:t>
      </w:r>
      <w:r w:rsidR="005E43CD">
        <w:t> </w:t>
      </w:r>
      <w:r w:rsidRPr="00246962">
        <w:t xml:space="preserve">příslušných Předpisech o ochraně osobních údajů), které jsme obdrželi, když jsme </w:t>
      </w:r>
      <w:r>
        <w:t>Vám</w:t>
      </w:r>
      <w:r w:rsidRPr="00246962">
        <w:t xml:space="preserve"> poskytovali právní služby nebo které jsme vytvořili, když jsme </w:t>
      </w:r>
      <w:r>
        <w:t>Vám</w:t>
      </w:r>
      <w:r w:rsidRPr="00246962">
        <w:t xml:space="preserve"> poskytovali právní služby;</w:t>
      </w:r>
    </w:p>
    <w:p w:rsidR="00F266A5" w:rsidRPr="00246962" w:rsidRDefault="00F266A5" w:rsidP="00F266A5">
      <w:pPr>
        <w:pStyle w:val="AODocTxtL1"/>
      </w:pPr>
      <w:r w:rsidRPr="00246962">
        <w:rPr>
          <w:b/>
        </w:rPr>
        <w:t>Partner</w:t>
      </w:r>
      <w:r w:rsidRPr="00246962">
        <w:t xml:space="preserve"> je označení člena Allen &amp; </w:t>
      </w:r>
      <w:proofErr w:type="spellStart"/>
      <w:r w:rsidRPr="00246962">
        <w:t>Overy</w:t>
      </w:r>
      <w:proofErr w:type="spellEnd"/>
      <w:r w:rsidRPr="00246962">
        <w:t xml:space="preserve"> LLP nebo zaměstnance nebo konzultanta s rovnocenným postavením a kvalifikací nebo fyzické osoby s rovnocenným postavením působící u jiného Subjektu A&amp;O. Seznam členů Allen &amp; </w:t>
      </w:r>
      <w:proofErr w:type="spellStart"/>
      <w:r w:rsidRPr="00246962">
        <w:t>Overy</w:t>
      </w:r>
      <w:proofErr w:type="spellEnd"/>
      <w:r w:rsidRPr="00246962">
        <w:t xml:space="preserve"> LLP a nečlenů, kteří jsou označeni jako partneři, je na požádání k dispozici k nahlédnutí na adrese </w:t>
      </w:r>
      <w:proofErr w:type="spellStart"/>
      <w:r w:rsidRPr="00246962">
        <w:t>One</w:t>
      </w:r>
      <w:proofErr w:type="spellEnd"/>
      <w:r w:rsidRPr="00246962">
        <w:t xml:space="preserve"> </w:t>
      </w:r>
      <w:proofErr w:type="spellStart"/>
      <w:r w:rsidRPr="00246962">
        <w:t>Bishops</w:t>
      </w:r>
      <w:proofErr w:type="spellEnd"/>
      <w:r w:rsidRPr="00246962">
        <w:t xml:space="preserve"> Square, Londýn E1 6AD, Spojené království Velké Británie a Severního Irska; </w:t>
      </w:r>
    </w:p>
    <w:p w:rsidR="00F266A5" w:rsidRPr="00246962" w:rsidRDefault="00F266A5" w:rsidP="00F266A5">
      <w:pPr>
        <w:pStyle w:val="AODocTxtL1"/>
      </w:pPr>
      <w:r w:rsidRPr="00246962">
        <w:rPr>
          <w:b/>
        </w:rPr>
        <w:t>Předpisy o ochraně osobních údajů</w:t>
      </w:r>
      <w:r w:rsidRPr="00246962">
        <w:t xml:space="preserve"> jsou </w:t>
      </w:r>
      <w:r>
        <w:t xml:space="preserve">příslušné </w:t>
      </w:r>
      <w:r w:rsidRPr="00246962">
        <w:t>zákony a nařízení, které se týk</w:t>
      </w:r>
      <w:r>
        <w:t xml:space="preserve">ají zpracování osobních údajů nebo osobních informací. </w:t>
      </w:r>
      <w:r w:rsidRPr="00246962">
        <w:t xml:space="preserve">Správce a zpracování (a odvozeniny těchto pojmů) mají význam definovaný v </w:t>
      </w:r>
      <w:r>
        <w:t>EU GDPR</w:t>
      </w:r>
      <w:r w:rsidRPr="00246962">
        <w:t xml:space="preserve">; </w:t>
      </w:r>
    </w:p>
    <w:p w:rsidR="00F266A5" w:rsidRPr="00246962" w:rsidRDefault="00F266A5" w:rsidP="00F266A5">
      <w:pPr>
        <w:pStyle w:val="AODocTxtL1"/>
      </w:pPr>
      <w:r w:rsidRPr="001951F7">
        <w:rPr>
          <w:b/>
        </w:rPr>
        <w:t>Přidružená společnost</w:t>
      </w:r>
      <w:r w:rsidRPr="00246962">
        <w:t xml:space="preserve"> znamená ve vztahu k právnické osobě jakoukoli dceřinou společnost jedné z</w:t>
      </w:r>
      <w:r w:rsidR="005E43CD">
        <w:t> </w:t>
      </w:r>
      <w:r w:rsidRPr="00246962">
        <w:t>jejích mateřských společností, která sama není dceřinou společností ani mateřskou společností této právnické osoby;</w:t>
      </w:r>
    </w:p>
    <w:p w:rsidR="00F266A5" w:rsidRPr="00246962" w:rsidRDefault="00F266A5" w:rsidP="00F266A5">
      <w:pPr>
        <w:pStyle w:val="AODocTxtL1"/>
      </w:pPr>
      <w:r w:rsidRPr="00246962">
        <w:rPr>
          <w:b/>
        </w:rPr>
        <w:t xml:space="preserve">Skupina A&amp;O </w:t>
      </w:r>
      <w:r w:rsidRPr="00246962">
        <w:t xml:space="preserve">znamená Allen &amp; </w:t>
      </w:r>
      <w:proofErr w:type="spellStart"/>
      <w:r w:rsidRPr="00246962">
        <w:t>Overy</w:t>
      </w:r>
      <w:proofErr w:type="spellEnd"/>
      <w:r w:rsidRPr="00246962">
        <w:t xml:space="preserve"> LLP, její Dceřiné společnosti a další sdružení, korporace podniky a subjekty oprávněné </w:t>
      </w:r>
      <w:r>
        <w:t>působit pod jménem</w:t>
      </w:r>
      <w:r w:rsidRPr="00246962">
        <w:t xml:space="preserve"> “</w:t>
      </w:r>
      <w:r w:rsidRPr="001951F7">
        <w:t>Allen &amp; </w:t>
      </w:r>
      <w:proofErr w:type="spellStart"/>
      <w:r w:rsidRPr="001951F7">
        <w:t>Overy</w:t>
      </w:r>
      <w:proofErr w:type="spellEnd"/>
      <w:r w:rsidRPr="00246962">
        <w:t>”, a člen Skupiny A&amp;O má odpovídající význam;</w:t>
      </w:r>
    </w:p>
    <w:p w:rsidR="00F266A5" w:rsidRPr="00246962" w:rsidRDefault="00F266A5" w:rsidP="00F266A5">
      <w:pPr>
        <w:pStyle w:val="AODocTxtL1"/>
      </w:pPr>
      <w:r>
        <w:rPr>
          <w:b/>
        </w:rPr>
        <w:t>Společnost skupiny</w:t>
      </w:r>
      <w:r w:rsidRPr="00246962">
        <w:t xml:space="preserve"> znamená ve vztahu k právnické osobě jakoukoli dceřinou společnost, mateřskou společnost nebo Přidruženou společnost;</w:t>
      </w:r>
    </w:p>
    <w:p w:rsidR="00F266A5" w:rsidRPr="00246962" w:rsidRDefault="00F266A5" w:rsidP="00F266A5">
      <w:pPr>
        <w:pStyle w:val="AODocTxtL1"/>
      </w:pPr>
      <w:r w:rsidRPr="001951F7">
        <w:rPr>
          <w:b/>
        </w:rPr>
        <w:t>Subjekt A&amp;O</w:t>
      </w:r>
      <w:r w:rsidRPr="00246962">
        <w:t xml:space="preserve"> </w:t>
      </w:r>
      <w:r>
        <w:t>znamená</w:t>
      </w:r>
      <w:r w:rsidRPr="00246962">
        <w:t xml:space="preserve"> jakýkoli subjekt ze Skupiny A&amp;O, který se zabývá poskytováním právních služeb;</w:t>
      </w:r>
      <w:r>
        <w:t xml:space="preserve"> a</w:t>
      </w:r>
    </w:p>
    <w:p w:rsidR="00F266A5" w:rsidRPr="00246962" w:rsidRDefault="00F266A5" w:rsidP="00F266A5">
      <w:pPr>
        <w:pStyle w:val="AODocTxtL1"/>
      </w:pPr>
      <w:r w:rsidRPr="00246962">
        <w:t>výrazy „</w:t>
      </w:r>
      <w:r w:rsidRPr="00246962">
        <w:rPr>
          <w:b/>
        </w:rPr>
        <w:t>my</w:t>
      </w:r>
      <w:r w:rsidRPr="00246962">
        <w:t>“ a „</w:t>
      </w:r>
      <w:r w:rsidRPr="00246962">
        <w:rPr>
          <w:b/>
        </w:rPr>
        <w:t>náš</w:t>
      </w:r>
      <w:r w:rsidRPr="00246962">
        <w:t>“ znamenají odkazy na příslušný Subjekt A&amp;O nebo příslušné Subjekty A&amp;O, kteří poskytují služby v rámci konkrétního projektu; odkazy na výrazy „</w:t>
      </w:r>
      <w:r w:rsidRPr="00246962">
        <w:rPr>
          <w:b/>
        </w:rPr>
        <w:t>Vy</w:t>
      </w:r>
      <w:r w:rsidRPr="00246962">
        <w:t>“ a „</w:t>
      </w:r>
      <w:r w:rsidRPr="00246962">
        <w:rPr>
          <w:b/>
        </w:rPr>
        <w:t>Váš</w:t>
      </w:r>
      <w:r w:rsidRPr="00246962">
        <w:t xml:space="preserve">“ znamenají odkazy na osobu, osoby, subjekt nebo subjekty, kterým jsou tyto služby poskytovány; </w:t>
      </w:r>
    </w:p>
    <w:p w:rsidR="00F266A5" w:rsidRPr="00246962" w:rsidRDefault="00F266A5" w:rsidP="00F266A5">
      <w:pPr>
        <w:pStyle w:val="AOGenNum2"/>
        <w:spacing w:before="120"/>
        <w:rPr>
          <w:rFonts w:eastAsia="Times New Roman"/>
        </w:rPr>
      </w:pPr>
      <w:r w:rsidRPr="00246962">
        <w:rPr>
          <w:rFonts w:eastAsia="Times New Roman"/>
        </w:rPr>
        <w:lastRenderedPageBreak/>
        <w:t>Použití a výklad</w:t>
      </w:r>
    </w:p>
    <w:p w:rsidR="00F266A5" w:rsidRPr="00246962" w:rsidRDefault="00F266A5" w:rsidP="00F266A5">
      <w:pPr>
        <w:pStyle w:val="AOGenNum2List"/>
      </w:pPr>
      <w:r w:rsidRPr="00246962">
        <w:t xml:space="preserve">Tyto podmínky platí pro naši práci pro </w:t>
      </w:r>
      <w:r>
        <w:t>Vás</w:t>
      </w:r>
      <w:r w:rsidRPr="00246962">
        <w:t>, pokud se nedohodneme nebo pokud jsme se s vámi nedohodli na odlišných podmínkách.</w:t>
      </w:r>
    </w:p>
    <w:p w:rsidR="00F266A5" w:rsidRPr="00246962" w:rsidRDefault="00F266A5" w:rsidP="00F266A5">
      <w:pPr>
        <w:pStyle w:val="AOGenNum2List"/>
      </w:pPr>
      <w:r w:rsidRPr="00246962">
        <w:t>Žádné ustanovení těchto podmínek se nepoužije, pokud by jeho použitím došlo k porušení platných právních předpisů.</w:t>
      </w:r>
    </w:p>
    <w:p w:rsidR="00F266A5" w:rsidRPr="00246962" w:rsidRDefault="00F266A5" w:rsidP="00F266A5">
      <w:pPr>
        <w:pStyle w:val="AOGenNum2List"/>
      </w:pPr>
      <w:r w:rsidRPr="00246962">
        <w:t xml:space="preserve">Každé ustanovení těchto podmínek je vykonatelné nezávisle na ostatních ustanoveních a neplatností kteréhokoli ustanovení není dotčena platnost </w:t>
      </w:r>
      <w:r>
        <w:t>kteréhokoli</w:t>
      </w:r>
      <w:r w:rsidRPr="00246962">
        <w:t xml:space="preserve"> jiného ustanovení.</w:t>
      </w:r>
    </w:p>
    <w:p w:rsidR="00F266A5" w:rsidRPr="00246962" w:rsidRDefault="00F266A5" w:rsidP="00F266A5">
      <w:pPr>
        <w:pStyle w:val="AOGenNum2"/>
        <w:spacing w:before="120"/>
        <w:rPr>
          <w:rFonts w:eastAsia="Times New Roman"/>
        </w:rPr>
      </w:pPr>
      <w:r w:rsidRPr="00246962">
        <w:rPr>
          <w:rFonts w:eastAsia="Times New Roman"/>
        </w:rPr>
        <w:t>Váš vztah se Skupinou A&amp;O</w:t>
      </w:r>
    </w:p>
    <w:p w:rsidR="00F266A5" w:rsidRPr="00246962" w:rsidRDefault="00F266A5" w:rsidP="00F266A5">
      <w:pPr>
        <w:pStyle w:val="AOGenNum2List"/>
      </w:pPr>
      <w:r w:rsidRPr="00246962">
        <w:t>Skupina A&amp;O není právnickou osobou ani sdružením a sama o sobě neposkytuje právní služby. Právní služby poskytují jednotlivé Subjekty A&amp;O, z nichž každý je zvláštním a samostatným podnikem, přičemž některé z těchto subjektů jsou subjekty s ručením omezeným.</w:t>
      </w:r>
    </w:p>
    <w:p w:rsidR="00F266A5" w:rsidRPr="00246962" w:rsidRDefault="00F266A5" w:rsidP="00F266A5">
      <w:pPr>
        <w:pStyle w:val="AOGenNum2List"/>
      </w:pPr>
      <w:r w:rsidRPr="00246962">
        <w:t>Práci nám budete přidělovat pro jednotlivé projekty, a ne jako práci na dobu neurčitou.</w:t>
      </w:r>
    </w:p>
    <w:p w:rsidR="00F266A5" w:rsidRPr="00246962" w:rsidRDefault="00F266A5" w:rsidP="00F266A5">
      <w:pPr>
        <w:pStyle w:val="AOGenNum2List"/>
      </w:pPr>
      <w:bookmarkStart w:id="21" w:name="_Ref78556776"/>
      <w:r w:rsidRPr="00246962">
        <w:t xml:space="preserve">Nedohodneme-li se jinak, služby z určitého státu budou poskytovány Subjektem A&amp;O působícím v tomto státu. Vztah mezi advokátem a klientem ve vztahu k takovému poradenství bude vztahem mezi Vámi a příslušným Subjektem A&amp;O a pověření bude na tomto základě. Pro tyto účely povolujete jakémukoli Subjektu A&amp;O, aby Vaším jménem přiděloval práci jakémukoli jinému Subjektu A&amp;O. Pokud budete kdykoli chtít zjistit, který Subjekt A&amp;O poskytuje služby v určitém státě, sdělí vám tyto informace Odpovědný partner nebo tyto informace budou k dispozici na naší internetové stránce </w:t>
      </w:r>
      <w:hyperlink r:id="rId7" w:history="1">
        <w:r w:rsidRPr="009D2F19">
          <w:rPr>
            <w:rStyle w:val="Hypertextovodkaz"/>
          </w:rPr>
          <w:t>www.allenovery.com/legal-notices</w:t>
        </w:r>
      </w:hyperlink>
      <w:r w:rsidRPr="00246962">
        <w:t>.</w:t>
      </w:r>
      <w:r>
        <w:t xml:space="preserve"> Na naší internetové stránce </w:t>
      </w:r>
      <w:hyperlink r:id="rId8" w:history="1">
        <w:r w:rsidRPr="001F7DCF">
          <w:rPr>
            <w:rStyle w:val="Hypertextovodkaz"/>
          </w:rPr>
          <w:t>www.allenovery.com/legal-notices/Pages/Services-to-clients.aspx</w:t>
        </w:r>
      </w:hyperlink>
      <w:r>
        <w:t xml:space="preserve"> jsou také uvedeny další informace o tom, jak jsme regulováni.</w:t>
      </w:r>
      <w:bookmarkEnd w:id="21"/>
    </w:p>
    <w:p w:rsidR="00F266A5" w:rsidRDefault="00F266A5" w:rsidP="00F266A5">
      <w:pPr>
        <w:pStyle w:val="AOGenNum2List"/>
      </w:pPr>
      <w:r>
        <w:t xml:space="preserve">Některé země vyžadují, aby na určitých prvcích poradenství, které poskytujeme, pracovali advokáti s určitými kvalifikacemi a/nebo státní příslušností nebo aby za tyto prvky nesli odpovědnost. V takových případech dle našeho uvážení a v rozsahu, v jakém to budeme považovat za vhodné, v souladu s článkem </w:t>
      </w:r>
      <w:r>
        <w:fldChar w:fldCharType="begin"/>
      </w:r>
      <w:r>
        <w:instrText xml:space="preserve"> REF _Ref78556776 \w \h </w:instrText>
      </w:r>
      <w:r>
        <w:fldChar w:fldCharType="separate"/>
      </w:r>
      <w:r w:rsidR="009741D1">
        <w:t>3(c)</w:t>
      </w:r>
      <w:r>
        <w:fldChar w:fldCharType="end"/>
      </w:r>
      <w:r>
        <w:t xml:space="preserve"> zapojíme do Vašeho projektu advokáta s příslušnou kvalifikací a/nebo státní příslušností.</w:t>
      </w:r>
    </w:p>
    <w:p w:rsidR="00F266A5" w:rsidRPr="00246962" w:rsidRDefault="00F266A5" w:rsidP="00F266A5">
      <w:pPr>
        <w:pStyle w:val="AOGenNum2List"/>
      </w:pPr>
      <w:r w:rsidRPr="00246962">
        <w:t>Nejsme povinni Vám poskytovat poradenství v jiných než právních otázkách (mimo jiné včetně podnikatelských, obchodních, finančních, technických, pojišťovacích, účetních, makléřských, pojistně-matematických</w:t>
      </w:r>
      <w:r>
        <w:t xml:space="preserve"> či</w:t>
      </w:r>
      <w:r w:rsidRPr="00246962">
        <w:t xml:space="preserve"> environmentálních otázek či otázek týkajících se informačních technologií) a je na Vás, abyste posoudili, zda námi vypracované nebo přezkoumané dokumenty či poradenství splňují Vaše obchodní cíle. Nebudeme odpovídat za přesnost jakýchkoli algoritmů počítačových modelů ani za žádné vzorce v dokumentaci.</w:t>
      </w:r>
    </w:p>
    <w:p w:rsidR="00F266A5" w:rsidRPr="001951F7" w:rsidRDefault="00F266A5" w:rsidP="00F266A5">
      <w:pPr>
        <w:pStyle w:val="AOGenNum2List"/>
      </w:pPr>
      <w:r w:rsidRPr="001951F7">
        <w:t xml:space="preserve">Budeme Vám poskytovat poradenství na základě našeho výkladu příslušných právních předpisů, judikatury a praxe v době, kdy poradenství bude poskytnuto. Nedohodneme-li se výslovně jinak, nebudeme odpovědní za aktualizaci našeho poradenství, </w:t>
      </w:r>
      <w:r w:rsidRPr="00246962">
        <w:t>i</w:t>
      </w:r>
      <w:r w:rsidRPr="001951F7">
        <w:t xml:space="preserve"> kdyby se příslušné právní předpisy či praxe změnily, a to mělo</w:t>
      </w:r>
      <w:r w:rsidRPr="00246962">
        <w:t xml:space="preserve"> dopad na naše závěry, a i kdybyste zůstali naším klientem ve vztahu k jakémukoli projektu.</w:t>
      </w:r>
    </w:p>
    <w:p w:rsidR="00F266A5" w:rsidRPr="00246962" w:rsidRDefault="00F266A5" w:rsidP="00F266A5">
      <w:pPr>
        <w:pStyle w:val="AOGenNum2List"/>
      </w:pPr>
      <w:r w:rsidRPr="00246962">
        <w:t>Vyhrazujeme si právo odmítnout vyslat kteréhokoli z našich Partnerů, advokátů, zaměstnanců či konzultantů do kteréhokoli místa, kde je podle našeho názoru ohrožena jejich osobní bezpečnost.</w:t>
      </w:r>
    </w:p>
    <w:p w:rsidR="00F266A5" w:rsidRPr="00246962" w:rsidRDefault="00F266A5" w:rsidP="00F266A5">
      <w:pPr>
        <w:pStyle w:val="AOGenNum2"/>
        <w:spacing w:before="120"/>
        <w:rPr>
          <w:rFonts w:eastAsia="Times New Roman"/>
        </w:rPr>
      </w:pPr>
      <w:bookmarkStart w:id="22" w:name="_Ref193644835"/>
      <w:r w:rsidRPr="00246962">
        <w:rPr>
          <w:rFonts w:eastAsia="Times New Roman"/>
        </w:rPr>
        <w:t>Poplatky a fakturace</w:t>
      </w:r>
    </w:p>
    <w:bookmarkEnd w:id="22"/>
    <w:p w:rsidR="00F266A5" w:rsidRPr="00246962" w:rsidRDefault="00F266A5" w:rsidP="00F266A5">
      <w:pPr>
        <w:pStyle w:val="AOGenNum2List"/>
      </w:pPr>
      <w:r w:rsidRPr="00246962">
        <w:t xml:space="preserve">Faktury Vám budeme vystavovat jednou měsíčně, pokud to nebude odporovat povaze projektu. Naše faktury jsou splatné ve lhůtě </w:t>
      </w:r>
      <w:r w:rsidR="003417F6">
        <w:t>30</w:t>
      </w:r>
      <w:r w:rsidRPr="00246962">
        <w:t xml:space="preserve"> dní od doručení; pokud nedojde k jejich úhradě v této lhůtě, můžeme uplatnit své právo přerušit naši práci podle článku </w:t>
      </w:r>
      <w:r w:rsidRPr="00246962">
        <w:fldChar w:fldCharType="begin"/>
      </w:r>
      <w:r w:rsidRPr="00246962">
        <w:instrText xml:space="preserve"> REF _Ref342194 \r \h </w:instrText>
      </w:r>
      <w:r w:rsidRPr="00246962">
        <w:fldChar w:fldCharType="separate"/>
      </w:r>
      <w:r w:rsidR="009741D1">
        <w:t>11</w:t>
      </w:r>
      <w:r w:rsidRPr="00246962">
        <w:fldChar w:fldCharType="end"/>
      </w:r>
      <w:r>
        <w:t xml:space="preserve"> (</w:t>
      </w:r>
      <w:r>
        <w:fldChar w:fldCharType="begin"/>
      </w:r>
      <w:r>
        <w:instrText xml:space="preserve"> REF _Ref342194 \h </w:instrText>
      </w:r>
      <w:r>
        <w:fldChar w:fldCharType="separate"/>
      </w:r>
      <w:r w:rsidR="009741D1" w:rsidRPr="00246962">
        <w:rPr>
          <w:rFonts w:eastAsia="Times New Roman"/>
        </w:rPr>
        <w:t>Ukončení pověření</w:t>
      </w:r>
      <w:r>
        <w:fldChar w:fldCharType="end"/>
      </w:r>
      <w:r>
        <w:t>)</w:t>
      </w:r>
      <w:r w:rsidRPr="00246962">
        <w:t xml:space="preserve"> nebo si účtovat </w:t>
      </w:r>
      <w:r w:rsidR="003417F6">
        <w:t xml:space="preserve">zákonný </w:t>
      </w:r>
      <w:r w:rsidRPr="00246962">
        <w:t xml:space="preserve">úrok </w:t>
      </w:r>
      <w:r w:rsidR="003417F6">
        <w:t xml:space="preserve">z prodlení </w:t>
      </w:r>
      <w:r w:rsidRPr="00246962">
        <w:t xml:space="preserve">(pokud jste nepředložili v dobré víře námitky, o nichž dosud nebylo rozhodnuto), nebo </w:t>
      </w:r>
      <w:r w:rsidRPr="00246962">
        <w:lastRenderedPageBreak/>
        <w:t xml:space="preserve">uplatnit obě tato opatření. Zůstáváte rovněž odpovědní za úhradu naší odměny, i pokud se k jejich zaplacení zavázala třetí strana. </w:t>
      </w:r>
    </w:p>
    <w:p w:rsidR="00F266A5" w:rsidRPr="00246962" w:rsidRDefault="00F266A5" w:rsidP="00F266A5">
      <w:pPr>
        <w:pStyle w:val="AOGenNum2List"/>
      </w:pPr>
      <w:r w:rsidRPr="00246962">
        <w:t xml:space="preserve">Pokud od nás obdržíte cenovou nabídku v určité měně pro projekt, </w:t>
      </w:r>
      <w:r>
        <w:t>který bude zahrnovat práci ve více než jedné</w:t>
      </w:r>
      <w:r w:rsidRPr="00246962">
        <w:t xml:space="preserve"> </w:t>
      </w:r>
      <w:r>
        <w:t>jurisdikci</w:t>
      </w:r>
      <w:r w:rsidRPr="00246962">
        <w:t>, vyhrazujeme si právo tuto cenovou nabídku mezi datem poskytnutí této cenové nabídky a datem příslušné faktury změnit.</w:t>
      </w:r>
    </w:p>
    <w:p w:rsidR="00F266A5" w:rsidRPr="001951F7" w:rsidRDefault="00F266A5" w:rsidP="00F266A5">
      <w:pPr>
        <w:pStyle w:val="AOGenNum2List"/>
      </w:pPr>
      <w:r w:rsidRPr="00246962">
        <w:t>Pokud určitá částka bude fakturována bez přidané hodnoty nebo jiné daně z obratu, ale příslušný daňový organ bude toho názoru, že z této částky je splatná daň z přidané hodnoty nebo jiná daň z</w:t>
      </w:r>
      <w:r w:rsidR="005E43CD">
        <w:t> </w:t>
      </w:r>
      <w:r w:rsidRPr="00246962">
        <w:t>obratu, budete povinni nám zaplatit částku rovnající se této dani z přidané hodnoty nebo jiné daně z</w:t>
      </w:r>
      <w:r w:rsidR="005E43CD">
        <w:t> </w:t>
      </w:r>
      <w:r w:rsidRPr="00246962">
        <w:t xml:space="preserve">obratu (včetně příslušných úroků, a pokud jsme na Vaši výslovnou žádost neúčtovali částky ve vztahu k těmto </w:t>
      </w:r>
      <w:r>
        <w:t>daním</w:t>
      </w:r>
      <w:r w:rsidRPr="00246962">
        <w:t xml:space="preserve"> (aby se předešlo pochybnostem, na základě příslušného daňového poradenství, které jste získali a které jste nám sdělili), penále) a tato platba bude splatná do </w:t>
      </w:r>
      <w:r w:rsidR="00DA5DE3">
        <w:t>30</w:t>
      </w:r>
      <w:r w:rsidRPr="00246962">
        <w:t xml:space="preserve"> dní poté, co Vám to oznámíme.</w:t>
      </w:r>
    </w:p>
    <w:p w:rsidR="00F266A5" w:rsidRPr="00246962" w:rsidRDefault="00F266A5" w:rsidP="00F266A5">
      <w:pPr>
        <w:pStyle w:val="AOGenNum2"/>
        <w:spacing w:before="120"/>
        <w:rPr>
          <w:rFonts w:eastAsia="Times New Roman"/>
        </w:rPr>
      </w:pPr>
      <w:r w:rsidRPr="00246962">
        <w:rPr>
          <w:rFonts w:eastAsia="Times New Roman"/>
        </w:rPr>
        <w:t>Daně a devizová omezení</w:t>
      </w:r>
    </w:p>
    <w:p w:rsidR="00F266A5" w:rsidRPr="00246962" w:rsidRDefault="00F266A5" w:rsidP="00F266A5">
      <w:pPr>
        <w:pStyle w:val="AOGenNum2List"/>
      </w:pPr>
      <w:r w:rsidRPr="00246962">
        <w:t xml:space="preserve">Naše odměna je splatná bez jakékoli srážky či odečtu ve vztahu k jakýmkoli </w:t>
      </w:r>
      <w:r>
        <w:t>daním</w:t>
      </w:r>
      <w:r w:rsidRPr="00246962">
        <w:t xml:space="preserve"> či poplatkům. Pokud ze zákona jste povinni srazit či odečíst daň a pokud tato srážka či odpočet nebudou sníženy či odstraněny, budeme oprávněni </w:t>
      </w:r>
      <w:r>
        <w:t>námi</w:t>
      </w:r>
      <w:r w:rsidRPr="00246962">
        <w:t xml:space="preserve"> fakturovanou částku zvýšit, abychom po jakékoli srážce či odečtu </w:t>
      </w:r>
      <w:r>
        <w:t>obdrželi</w:t>
      </w:r>
      <w:r w:rsidRPr="00246962">
        <w:t xml:space="preserve"> čistou částku rovnající se odměně, kterou jste povinni nám zaplatit.</w:t>
      </w:r>
    </w:p>
    <w:p w:rsidR="00F266A5" w:rsidRPr="001951F7" w:rsidRDefault="00F266A5" w:rsidP="00F266A5">
      <w:pPr>
        <w:pStyle w:val="AOGenNum2List"/>
      </w:pPr>
      <w:r w:rsidRPr="00246962">
        <w:t xml:space="preserve">Pokud se na Vaši platbu naší odměny či na naše obdržení této platby vztahují devizová či jiná omezení, jste povinni vyvinout veškeré úsilí na to, abyste získali (nebo abyste nám pomohli získat) potřebné souhlasy, co nejdříve to bude možné poté, co od nás obdržíte fakturu, a jste povinni zajistit, abychom v souladu s těmito souhlasy příslušnou platbu bezodkladně obdrželi. Pokud do šesti měsíců od data naší faktury nebude ve vztahu k devizovým omezením získán příslušný souhlas, tak pokud to v souladu se zákonem budeme kdykoli poté požadovat, jste povinni na </w:t>
      </w:r>
      <w:r>
        <w:t>námi</w:t>
      </w:r>
      <w:r w:rsidRPr="00246962">
        <w:t xml:space="preserve"> určený účet zaplatit částku v místní měně, která bude ekvivalentem dlužné částky (přepočtené k datu naší žádosti).</w:t>
      </w:r>
    </w:p>
    <w:p w:rsidR="00F266A5" w:rsidRPr="00246962" w:rsidRDefault="00F266A5" w:rsidP="00F266A5">
      <w:pPr>
        <w:pStyle w:val="AOGenNum2"/>
        <w:spacing w:before="120"/>
        <w:rPr>
          <w:rFonts w:eastAsia="Times New Roman"/>
        </w:rPr>
      </w:pPr>
      <w:r w:rsidRPr="00246962">
        <w:rPr>
          <w:rFonts w:eastAsia="Times New Roman"/>
        </w:rPr>
        <w:t>Dokumentace a ukládání dokumentace</w:t>
      </w:r>
    </w:p>
    <w:p w:rsidR="00F266A5" w:rsidRPr="00246962" w:rsidRDefault="00F266A5" w:rsidP="00F266A5">
      <w:pPr>
        <w:pStyle w:val="AOGenNum2List"/>
      </w:pPr>
      <w:bookmarkStart w:id="23" w:name="_Ref170964368"/>
      <w:r w:rsidRPr="00246962">
        <w:t xml:space="preserve">Ponecháváme si autorská práva ke všem dokumentům, které vypracujeme a vytvoříme v souvislosti s jakýmkoli projektem (a, s výhradou naší povinnosti mlčenlivosti vůči </w:t>
      </w:r>
      <w:r>
        <w:t>Vám</w:t>
      </w:r>
      <w:r w:rsidRPr="00246962">
        <w:t xml:space="preserve">, můžeme tudíž užívat naše práva duševního vlastnictví k těmto dokumentům jako podklad pro poskytování poradenství týkajícího se jiných projektů), budete však mít neomezenou licenci k užití těchto dokumentů pro </w:t>
      </w:r>
      <w:r>
        <w:t>Vaše</w:t>
      </w:r>
      <w:r w:rsidRPr="00246962">
        <w:t xml:space="preserve"> účely.</w:t>
      </w:r>
    </w:p>
    <w:bookmarkEnd w:id="23"/>
    <w:p w:rsidR="00F266A5" w:rsidRPr="00246962" w:rsidRDefault="00F266A5" w:rsidP="00F266A5">
      <w:pPr>
        <w:pStyle w:val="AOGenNum2List"/>
      </w:pPr>
      <w:r w:rsidRPr="00246962">
        <w:t>V některých případech, zejména pokud neuhradíte veškeré naše faktury, můžeme být oprávněni ponechat si dokumenty, které Vám náleží, a to i pokud nás požádáte, abychom je vrátili nebo zničili.</w:t>
      </w:r>
    </w:p>
    <w:p w:rsidR="00F266A5" w:rsidRPr="00246962" w:rsidRDefault="00F266A5" w:rsidP="00F266A5">
      <w:pPr>
        <w:pStyle w:val="AOGenNum2List"/>
      </w:pPr>
      <w:r w:rsidRPr="001951F7">
        <w:t xml:space="preserve">Dokumenty (v papírové </w:t>
      </w:r>
      <w:r>
        <w:t>podobě</w:t>
      </w:r>
      <w:r w:rsidRPr="001951F7">
        <w:t>, a pokud to bude proveditelné, tak</w:t>
      </w:r>
      <w:r w:rsidRPr="00246962">
        <w:t>é</w:t>
      </w:r>
      <w:r w:rsidRPr="001951F7">
        <w:t xml:space="preserve"> elektronické soubory)</w:t>
      </w:r>
      <w:r w:rsidRPr="00246962">
        <w:t xml:space="preserve"> týkající se projektu zničíme, pokud </w:t>
      </w:r>
      <w:r>
        <w:t>budeme mít</w:t>
      </w:r>
      <w:r w:rsidRPr="00246962">
        <w:t xml:space="preserve"> za to, že není třeba je </w:t>
      </w:r>
      <w:r>
        <w:t>uchovat</w:t>
      </w:r>
      <w:r w:rsidRPr="00246962">
        <w:t>; v opačném případě si vyhrazujeme právo účtovat náklady na naše skladování těchto dokumentů.</w:t>
      </w:r>
    </w:p>
    <w:p w:rsidR="00F266A5" w:rsidRPr="00246962" w:rsidRDefault="00F266A5" w:rsidP="00F266A5">
      <w:pPr>
        <w:pStyle w:val="AOGenNum2"/>
        <w:spacing w:before="120"/>
        <w:rPr>
          <w:rFonts w:eastAsia="Times New Roman"/>
        </w:rPr>
      </w:pPr>
      <w:r w:rsidRPr="00246962">
        <w:rPr>
          <w:rFonts w:eastAsia="Times New Roman"/>
        </w:rPr>
        <w:t>Odpovědnost</w:t>
      </w:r>
    </w:p>
    <w:p w:rsidR="00F266A5" w:rsidRPr="00246962" w:rsidRDefault="00F266A5" w:rsidP="00F266A5">
      <w:pPr>
        <w:pStyle w:val="AOGenNum2List"/>
      </w:pPr>
      <w:r w:rsidRPr="00246962">
        <w:t>Aniž by tím bylo dotčeno Vaše právo podat žalobu proti Subjektu A&amp;O poskytujícímu příslušné služby, uznáváte v rozsahu, v jakém je tato dohoda podle platných právních předpisů vykonatelná, že žádný Partner ani jiný člen, akcionář ani společník ani zaměstnanec, advokát či konzultant kteréhokoli Subjektu A&amp;O nepřijímá žádnou osobní povinnost řádné péče, a zavazujete se, že proti těmto osobám neuplatníte žádné nároky.</w:t>
      </w:r>
    </w:p>
    <w:p w:rsidR="00F266A5" w:rsidRPr="00246962" w:rsidRDefault="00F266A5" w:rsidP="00F266A5">
      <w:pPr>
        <w:pStyle w:val="AOGenNum2List"/>
      </w:pPr>
      <w:r w:rsidRPr="00246962">
        <w:t xml:space="preserve">Naše služby jsou poskytovány ve Váš prospěch a bez našeho předchozího písemného souhlasu nesmí být použity žádnou jinou osobou ani z nich nesmí žádná jiná osoba vycházet. Nepřebíráme </w:t>
      </w:r>
      <w:r w:rsidRPr="00246962">
        <w:lastRenderedPageBreak/>
        <w:t xml:space="preserve">odpovědnost za jednání či opominutí jakékoli třetí strany, jež případně Vaším jménem pověříme, ani za neplnění závazků ze strany jakékoli finanční instituce, u níž Vaším jménem uložíme peníze. </w:t>
      </w:r>
    </w:p>
    <w:p w:rsidR="00F266A5" w:rsidRPr="00246962" w:rsidRDefault="00F266A5" w:rsidP="00F266A5">
      <w:pPr>
        <w:pStyle w:val="AOGenNum2"/>
        <w:spacing w:before="120"/>
        <w:rPr>
          <w:rFonts w:eastAsia="Times New Roman"/>
        </w:rPr>
      </w:pPr>
      <w:r w:rsidRPr="00246962">
        <w:rPr>
          <w:rFonts w:eastAsia="Times New Roman"/>
        </w:rPr>
        <w:t>Elektronická sdělení a ochrana osobních údajů</w:t>
      </w:r>
    </w:p>
    <w:p w:rsidR="00F266A5" w:rsidRPr="00246962" w:rsidRDefault="00F266A5" w:rsidP="00F266A5">
      <w:pPr>
        <w:pStyle w:val="AOGenNum2List"/>
      </w:pPr>
      <w:r w:rsidRPr="00246962">
        <w:t xml:space="preserve">Jsme oprávněni komunikovat s Vámi elektronickou cestou, včetně prostřednictvím softwaru vytvořeného třetími osobami, jako je například náš systém pro sdílení dokumentů. Přijímáte rizika spojená s tímto druhem komunikace, s výjimkou případů naší hrubé nedbalosti nebo úmyslného </w:t>
      </w:r>
      <w:r>
        <w:t>protiprávního</w:t>
      </w:r>
      <w:r w:rsidRPr="00246962">
        <w:t xml:space="preserve"> jednání. Jsme rovněž oprávněni monitorovat komunikaci s cílem zjistit fakta, posoudit, zda je komunikace uskutečňovaná prostřednictvím našich systémů relevantní pro naši činnost, zajistit soulad s příslušnými právními předpisy a rozvíjet a řídit náš vztah s vámi. </w:t>
      </w:r>
    </w:p>
    <w:p w:rsidR="00F266A5" w:rsidRPr="00246962" w:rsidRDefault="00F266A5" w:rsidP="00F266A5">
      <w:pPr>
        <w:pStyle w:val="AOGenNum2List"/>
      </w:pPr>
      <w:r w:rsidRPr="00246962">
        <w:t>Jste povinni zajistit, že jakékoli Osobní údaje nám předáte v souladu s příslušnými Předpisy o ochraně osobních údajů a neuděláte či neopomenete udělat nic, co by vedlo k t</w:t>
      </w:r>
      <w:r>
        <w:t>omu, že tyto předpisy porušíme.</w:t>
      </w:r>
      <w:r w:rsidRPr="00246962">
        <w:t xml:space="preserve"> Osobní údaje budeme zpracovávat v souladu s příslušnými Předpisy o ochraně osobních údajů.</w:t>
      </w:r>
    </w:p>
    <w:p w:rsidR="00F266A5" w:rsidRPr="00246962" w:rsidRDefault="00F266A5" w:rsidP="00F266A5">
      <w:pPr>
        <w:pStyle w:val="AOGenNum2List"/>
      </w:pPr>
      <w:r w:rsidRPr="00246962">
        <w:t xml:space="preserve">Když zpracováváme Osobní údaje při poskytování právních služeb ve </w:t>
      </w:r>
      <w:r>
        <w:t>Vašich</w:t>
      </w:r>
      <w:r w:rsidRPr="00246962">
        <w:t xml:space="preserve"> věcech, jednáme jako nez</w:t>
      </w:r>
      <w:r>
        <w:t xml:space="preserve">ávislý správce osobních údajů. </w:t>
      </w:r>
      <w:r w:rsidRPr="00246962">
        <w:t>Dále budeme zpracovávat Osobní údaje (a) při plnění povinností, které nám stanoví příslušné právní a jiné předpisy, (b) při uplatňování našich práv a (c) z důvodů administrativních, finančních, z důvodů řízení rizik</w:t>
      </w:r>
      <w:r>
        <w:t xml:space="preserve"> a udržování vztahů s klienty. </w:t>
      </w:r>
      <w:r w:rsidRPr="00246962">
        <w:t xml:space="preserve">Další informace naleznete v naší interní směrnici shrnující zásady ochrany osobních údajů, kterou naleznete na našich webových stránkách na adrese www.allenovery.com/legal-notices a v článku </w:t>
      </w:r>
      <w:r>
        <w:fldChar w:fldCharType="begin"/>
      </w:r>
      <w:r>
        <w:instrText xml:space="preserve"> REF _Ref363350 \r \h </w:instrText>
      </w:r>
      <w:r>
        <w:fldChar w:fldCharType="separate"/>
      </w:r>
      <w:r w:rsidR="009741D1">
        <w:t>13</w:t>
      </w:r>
      <w:r>
        <w:fldChar w:fldCharType="end"/>
      </w:r>
      <w:r>
        <w:t xml:space="preserve"> (</w:t>
      </w:r>
      <w:r>
        <w:fldChar w:fldCharType="begin"/>
      </w:r>
      <w:r>
        <w:instrText xml:space="preserve"> REF _Ref363350 \h </w:instrText>
      </w:r>
      <w:r>
        <w:fldChar w:fldCharType="separate"/>
      </w:r>
      <w:r w:rsidR="009741D1" w:rsidRPr="00246962">
        <w:rPr>
          <w:rFonts w:eastAsia="Times New Roman"/>
        </w:rPr>
        <w:t>Předpisy o potírání praní špinavých peněz</w:t>
      </w:r>
      <w:r w:rsidR="009741D1">
        <w:rPr>
          <w:rFonts w:eastAsia="Times New Roman"/>
        </w:rPr>
        <w:t>,</w:t>
      </w:r>
      <w:r w:rsidR="009741D1" w:rsidRPr="00246962">
        <w:rPr>
          <w:rFonts w:eastAsia="Times New Roman"/>
        </w:rPr>
        <w:t xml:space="preserve"> sankce</w:t>
      </w:r>
      <w:r>
        <w:fldChar w:fldCharType="end"/>
      </w:r>
      <w:r>
        <w:t>)</w:t>
      </w:r>
      <w:r w:rsidRPr="00246962">
        <w:t xml:space="preserve"> níže ve vztahu ke kontrolám prováděným podle předpisů o potírání praní špinavých peněz.</w:t>
      </w:r>
    </w:p>
    <w:p w:rsidR="00F266A5" w:rsidRPr="00246962" w:rsidRDefault="00F266A5" w:rsidP="00F266A5">
      <w:pPr>
        <w:pStyle w:val="AOGenNum2List"/>
      </w:pPr>
      <w:r w:rsidRPr="00246962">
        <w:t>Souhlasíte, že můžeme předat Osobní údaje v rámci Skupiny A&amp;O a třetím osobám, které nám poskytují služby, a to i do zemí mimo Evropský hospodářský prostor, v souladu s příslušnými Předpisy o ochraně osobních údajů.</w:t>
      </w:r>
    </w:p>
    <w:p w:rsidR="00F266A5" w:rsidRPr="00246962" w:rsidRDefault="00F266A5" w:rsidP="00F266A5">
      <w:pPr>
        <w:pStyle w:val="AOGenNum2"/>
        <w:spacing w:before="120"/>
        <w:rPr>
          <w:rFonts w:eastAsia="Times New Roman"/>
        </w:rPr>
      </w:pPr>
      <w:r w:rsidRPr="00246962">
        <w:rPr>
          <w:rFonts w:eastAsia="Times New Roman"/>
        </w:rPr>
        <w:t>Střet zájmů / Vztahy s ostatními klienty</w:t>
      </w:r>
    </w:p>
    <w:p w:rsidR="00F266A5" w:rsidRPr="00246962" w:rsidRDefault="00F266A5" w:rsidP="00F266A5">
      <w:pPr>
        <w:pStyle w:val="AOGenNum2List"/>
      </w:pPr>
      <w:r w:rsidRPr="00246962">
        <w:t>Zda pro Vás můžeme pracovat, zjistíme na základě právních a profesních předpisů vztahujících se na příslušný Subjekt A&amp;O. Podle těchto pravidel můžeme být nuceni přestat pro Vás pracovat, pokud vznikne střet mezi našimi povinnostmi vůči Vám a vůči ostatním klientům nebo mezi našimi a Vašimi zájmy. Můžeme také být nucen</w:t>
      </w:r>
      <w:r>
        <w:t>i</w:t>
      </w:r>
      <w:r w:rsidRPr="00246962">
        <w:t xml:space="preserve"> přestat pracovat pro jiného klienta, pokud vznikne střet mezi našimi Povinnostmi vůči Vám a vůči tomuto klientovi.</w:t>
      </w:r>
    </w:p>
    <w:p w:rsidR="00F266A5" w:rsidRPr="00246962" w:rsidRDefault="00F266A5" w:rsidP="00F266A5">
      <w:pPr>
        <w:pStyle w:val="AOGenNum2List"/>
      </w:pPr>
      <w:r w:rsidRPr="00246962">
        <w:t>Souhlasíte s tím, že (</w:t>
      </w:r>
      <w:r>
        <w:t>i</w:t>
      </w:r>
      <w:r w:rsidRPr="00246962">
        <w:t>) můžeme a nadále budeme moci zastupovat jiné klienty stojící proti Vám v</w:t>
      </w:r>
      <w:r w:rsidR="005E43CD">
        <w:t> </w:t>
      </w:r>
      <w:r w:rsidRPr="00246962">
        <w:t>projektech, které podstatně nesouvisejí s projekty, ve kterých Vás zastupujeme, a (</w:t>
      </w:r>
      <w:proofErr w:type="spellStart"/>
      <w:r>
        <w:t>ii</w:t>
      </w:r>
      <w:proofErr w:type="spellEnd"/>
      <w:r w:rsidRPr="00246962">
        <w:t>) kdykoli nám to umožní příslušné právní předpisy a profesní předpisy, jimiž se řídí výkon advokacie, vztahy s Vámi nám nebudou jakkoli bránit ani nás omezovat v poskytování poradenských služeb jakýmkoli jiným klientům, včetně klientů, (</w:t>
      </w:r>
      <w:r>
        <w:t>A</w:t>
      </w:r>
      <w:r w:rsidRPr="00246962">
        <w:t>) o jejichž akvizici byste mohli mít zájem, (</w:t>
      </w:r>
      <w:r>
        <w:t>B</w:t>
      </w:r>
      <w:r w:rsidRPr="00246962">
        <w:t>) kteří jsou Vašimi konkurenty na trhu a/nebo (</w:t>
      </w:r>
      <w:r>
        <w:t>C</w:t>
      </w:r>
      <w:r w:rsidRPr="00246962">
        <w:t>) kteří jsou Vašimi protistranami.</w:t>
      </w:r>
    </w:p>
    <w:p w:rsidR="00F266A5" w:rsidRPr="001951F7" w:rsidRDefault="00F266A5" w:rsidP="00F266A5">
      <w:pPr>
        <w:pStyle w:val="AOGenNum2List"/>
      </w:pPr>
      <w:r w:rsidRPr="001951F7">
        <w:t xml:space="preserve">Pro účely střetu zájmů Vás budeme považovat za současného klienta, pokud nás </w:t>
      </w:r>
      <w:r w:rsidRPr="00246962">
        <w:t>pověříte</w:t>
      </w:r>
      <w:r w:rsidRPr="001951F7">
        <w:t xml:space="preserve"> prací pro Vás na alespoň jednom aktuálním projektu. Pro tyto účely </w:t>
      </w:r>
      <w:r w:rsidRPr="00246962">
        <w:t>„</w:t>
      </w:r>
      <w:r w:rsidRPr="001951F7">
        <w:t>aktuální proje</w:t>
      </w:r>
      <w:r w:rsidRPr="00246962">
        <w:t>kt“</w:t>
      </w:r>
      <w:r w:rsidRPr="001951F7">
        <w:t xml:space="preserve"> nezahrnuje (i) proje</w:t>
      </w:r>
      <w:r w:rsidRPr="00246962">
        <w:t>k</w:t>
      </w:r>
      <w:r w:rsidRPr="001951F7">
        <w:t xml:space="preserve">t, ve </w:t>
      </w:r>
      <w:proofErr w:type="gramStart"/>
      <w:r w:rsidRPr="001951F7">
        <w:t>vztahu</w:t>
      </w:r>
      <w:proofErr w:type="gramEnd"/>
      <w:r w:rsidRPr="001951F7">
        <w:t xml:space="preserve"> ke kterému byla vystavena závěrečná faktura ani (</w:t>
      </w:r>
      <w:proofErr w:type="spellStart"/>
      <w:r w:rsidRPr="001951F7">
        <w:t>ii</w:t>
      </w:r>
      <w:proofErr w:type="spellEnd"/>
      <w:r w:rsidRPr="001951F7">
        <w:t xml:space="preserve">) </w:t>
      </w:r>
      <w:r w:rsidRPr="00246962">
        <w:t>projek</w:t>
      </w:r>
      <w:r w:rsidRPr="001951F7">
        <w:t>t který ji</w:t>
      </w:r>
      <w:r w:rsidRPr="00246962">
        <w:t>ž není aktivní (a jakýkoli projekt, ohledně kterého jsme od Vá</w:t>
      </w:r>
      <w:r>
        <w:t>s po dobu dvou měsíců neobdrželi</w:t>
      </w:r>
      <w:r w:rsidRPr="00246962">
        <w:t xml:space="preserve"> žádné pokyny, které by dokládaly, že je nadále aktuální, bude považovat za neaktuální).</w:t>
      </w:r>
    </w:p>
    <w:p w:rsidR="00F266A5" w:rsidRPr="00246962" w:rsidRDefault="00F266A5" w:rsidP="00F266A5">
      <w:pPr>
        <w:pStyle w:val="AOGenNum2"/>
        <w:spacing w:before="120"/>
        <w:rPr>
          <w:rFonts w:eastAsia="Times New Roman"/>
        </w:rPr>
      </w:pPr>
      <w:bookmarkStart w:id="24" w:name="_Ref346271"/>
      <w:bookmarkStart w:id="25" w:name="_Ref170964373"/>
      <w:bookmarkStart w:id="26" w:name="_Ref170964378"/>
      <w:r w:rsidRPr="00246962">
        <w:rPr>
          <w:rFonts w:eastAsia="Times New Roman"/>
        </w:rPr>
        <w:t>Důvěrnost</w:t>
      </w:r>
      <w:bookmarkEnd w:id="24"/>
    </w:p>
    <w:p w:rsidR="00F266A5" w:rsidRPr="00246962" w:rsidRDefault="00F266A5" w:rsidP="00F266A5">
      <w:pPr>
        <w:pStyle w:val="AOGenNum2List"/>
      </w:pPr>
      <w:bookmarkStart w:id="27" w:name="_Ref346242"/>
      <w:bookmarkEnd w:id="25"/>
      <w:bookmarkEnd w:id="26"/>
      <w:r w:rsidRPr="00246962">
        <w:t>Veškeré informace, které od Vás obdržíme a které nejsou veřejně známé, budeme považovat za důvěrné. V některých nečetných případech však můžeme být povinni sdělit informace regulačním orgánům nebo v</w:t>
      </w:r>
      <w:r>
        <w:t> souladu se stavovskými předpisy</w:t>
      </w:r>
      <w:r w:rsidRPr="00246962">
        <w:t>. V tom případě Vás budeme (pokud budeme smět a moci) o takové žádosti nebo požadavku informovat.</w:t>
      </w:r>
      <w:bookmarkEnd w:id="27"/>
    </w:p>
    <w:p w:rsidR="00F266A5" w:rsidRPr="00246962" w:rsidRDefault="00F266A5" w:rsidP="00F266A5">
      <w:pPr>
        <w:pStyle w:val="AOGenNum2List"/>
      </w:pPr>
      <w:r w:rsidRPr="00246962">
        <w:lastRenderedPageBreak/>
        <w:t>Budeme předpokládat, že informace, které nám poskytnete nebo které nám Vaším jménem poskytne třetí strana a na které se vztahuje povinnost mlčenlivosti vůči třetí straně, nebyly poskytnuty v rozporu s touto povinností.</w:t>
      </w:r>
    </w:p>
    <w:p w:rsidR="00F266A5" w:rsidRPr="001951F7" w:rsidRDefault="00F266A5" w:rsidP="00F266A5">
      <w:pPr>
        <w:pStyle w:val="AOGenNum2List"/>
      </w:pPr>
      <w:r w:rsidRPr="00246962">
        <w:t xml:space="preserve">Souhlasíte s tím, že budeme moci zastupovat jiného klienta (včetně klienta, jehož zájmy jsou v rozporu s Vašimi zájmy) ohledně projektu, ve </w:t>
      </w:r>
      <w:proofErr w:type="gramStart"/>
      <w:r w:rsidRPr="00246962">
        <w:t>vztahu</w:t>
      </w:r>
      <w:proofErr w:type="gramEnd"/>
      <w:r w:rsidRPr="00246962">
        <w:t xml:space="preserve"> ke kterému máme informace, které by byly relevantní, ale ve vztahu ke kterým máme vůči Vá</w:t>
      </w:r>
      <w:r>
        <w:t>m</w:t>
      </w:r>
      <w:r w:rsidRPr="00246962">
        <w:t xml:space="preserve"> povinnost mlčenlivosti, pokud provedeme příslušná opatření na ochranu těchto informací.</w:t>
      </w:r>
    </w:p>
    <w:p w:rsidR="00F266A5" w:rsidRPr="00246962" w:rsidRDefault="00F266A5" w:rsidP="00F266A5">
      <w:pPr>
        <w:pStyle w:val="AOGenNum2List"/>
      </w:pPr>
      <w:r w:rsidRPr="00246962">
        <w:t xml:space="preserve">Nepoužijeme Vaše důvěrné informace ve prospěch třetí osoby ani je, s výhradou ustanovení článku </w:t>
      </w:r>
      <w:r w:rsidRPr="00246962">
        <w:fldChar w:fldCharType="begin"/>
      </w:r>
      <w:r w:rsidRPr="00246962">
        <w:instrText xml:space="preserve"> REF _Ref346242 \r \h </w:instrText>
      </w:r>
      <w:r w:rsidRPr="00246962">
        <w:fldChar w:fldCharType="separate"/>
      </w:r>
      <w:r w:rsidR="009741D1">
        <w:t>(a)</w:t>
      </w:r>
      <w:r w:rsidRPr="00246962">
        <w:fldChar w:fldCharType="end"/>
      </w:r>
      <w:r w:rsidRPr="00246962">
        <w:t xml:space="preserve">, nesdělíme třetí osobě. Stejně tak </w:t>
      </w:r>
      <w:r>
        <w:t>berete na vědomí</w:t>
      </w:r>
      <w:r w:rsidRPr="00246962">
        <w:t>, že nepoužijeme důvěrné informace získané od jiné osoby ve Váš prospěch ani Vám tyto informace nesdělíme, a to</w:t>
      </w:r>
      <w:r w:rsidR="005E43CD">
        <w:t>,</w:t>
      </w:r>
      <w:r w:rsidRPr="00246962">
        <w:t xml:space="preserve"> ani pokud se vztahují k projektu.</w:t>
      </w:r>
    </w:p>
    <w:p w:rsidR="00F266A5" w:rsidRPr="00246962" w:rsidRDefault="00F266A5" w:rsidP="00F266A5">
      <w:pPr>
        <w:pStyle w:val="AOGenNum2List"/>
      </w:pPr>
      <w:r w:rsidRPr="00246962">
        <w:t xml:space="preserve">Můžeme příležitostně pověřit externí subjekty poskytováním podpůrných služeb, např. elektronického zpracování dokumentů, překladů, kopírování, kontroly dokumentů, některých IT služeb (včetně </w:t>
      </w:r>
      <w:proofErr w:type="spellStart"/>
      <w:r w:rsidRPr="00246962">
        <w:t>cloudových</w:t>
      </w:r>
      <w:proofErr w:type="spellEnd"/>
      <w:r w:rsidRPr="00246962">
        <w:t xml:space="preserve"> služeb), nakládání s odpady a správy našich výdajů, za předpokladu, že se naši dodavatelé zavázali nebo zaváží zachovávat důvěrnost veškerých informací, které od nás obdrží, a zabezpečit a</w:t>
      </w:r>
      <w:r w:rsidR="005E43CD">
        <w:t> </w:t>
      </w:r>
      <w:r w:rsidRPr="00246962">
        <w:t xml:space="preserve">zpracovávat jakékoli Osobní údaje výlučně podle našich pokynů a v souladu s příslušnými Předpisy na ochranu osobních údajů. Někteří z těchto dodavatelů můžou mít sídlo mimo Evropský hospodářský prostor. Potvrzením, že souhlasíte s těmito podmínkami nebo tím, že nás požádáte o poskytnutí dalších právních služeb nebo pokračujete ve věci, ve které </w:t>
      </w:r>
      <w:r>
        <w:t>Vám</w:t>
      </w:r>
      <w:r w:rsidRPr="00246962">
        <w:t xml:space="preserve"> právní služby právě poskytujeme, zároveň dáváte souhlas k pověření externích subjektů. Můžeme rovněž projednat vaše záležitosti s jinými </w:t>
      </w:r>
      <w:r>
        <w:t>Vašimi</w:t>
      </w:r>
      <w:r w:rsidRPr="00246962">
        <w:t xml:space="preserve"> poradci v souvislosti s projektem.</w:t>
      </w:r>
    </w:p>
    <w:p w:rsidR="00F266A5" w:rsidRPr="00246962" w:rsidRDefault="00F266A5" w:rsidP="00F266A5">
      <w:pPr>
        <w:pStyle w:val="AOGenNum2List"/>
      </w:pPr>
      <w:r w:rsidRPr="00246962">
        <w:t xml:space="preserve">Ustanovení tohoto článku </w:t>
      </w:r>
      <w:r w:rsidRPr="00246962">
        <w:fldChar w:fldCharType="begin"/>
      </w:r>
      <w:r w:rsidRPr="00246962">
        <w:instrText xml:space="preserve"> REF _Ref346271 \r \h </w:instrText>
      </w:r>
      <w:r w:rsidRPr="00246962">
        <w:fldChar w:fldCharType="separate"/>
      </w:r>
      <w:r w:rsidR="009741D1">
        <w:t>10</w:t>
      </w:r>
      <w:r w:rsidRPr="00246962">
        <w:fldChar w:fldCharType="end"/>
      </w:r>
      <w:r w:rsidRPr="00246962">
        <w:t xml:space="preserve"> nebrání Subjektům A&amp;O sdělovat si navzájem důvěrné informace. </w:t>
      </w:r>
      <w:r w:rsidRPr="001951F7">
        <w:t>Tím, že potvrdíte svůj souhlas s těmito podmí</w:t>
      </w:r>
      <w:r w:rsidRPr="00246962">
        <w:t>nkami nebo že nám budete dávat další pokyny nebo že budete pokračovat ve stávajících pokynech, souhlasíte s tímto sdílením důvěrných informací. Neměli byste však předpokládat, že informace, jež sdělíte určité osobě pracující na jednom projektu, budou sděleny osobě pracující na jiném projektu. Měli byste proto sdělovat veškeré informace týkající se projektu přímo příslušné pracovní skupině.</w:t>
      </w:r>
    </w:p>
    <w:p w:rsidR="00F266A5" w:rsidRPr="00246962" w:rsidRDefault="00F266A5" w:rsidP="00F266A5">
      <w:pPr>
        <w:pStyle w:val="AOGenNum2"/>
        <w:spacing w:before="120"/>
        <w:rPr>
          <w:rFonts w:eastAsia="Times New Roman"/>
        </w:rPr>
      </w:pPr>
      <w:bookmarkStart w:id="28" w:name="_Ref342194"/>
      <w:bookmarkStart w:id="29" w:name="_Ref62380348"/>
      <w:bookmarkStart w:id="30" w:name="_Ref170964362"/>
      <w:r w:rsidRPr="00246962">
        <w:rPr>
          <w:rFonts w:eastAsia="Times New Roman"/>
        </w:rPr>
        <w:t>Ukončení pověření</w:t>
      </w:r>
      <w:bookmarkEnd w:id="28"/>
    </w:p>
    <w:bookmarkEnd w:id="29"/>
    <w:bookmarkEnd w:id="30"/>
    <w:p w:rsidR="00F266A5" w:rsidRPr="00246962" w:rsidRDefault="00F266A5" w:rsidP="00F266A5">
      <w:pPr>
        <w:pStyle w:val="AODocTxtL1"/>
        <w:rPr>
          <w:rFonts w:eastAsia="Times New Roman"/>
        </w:rPr>
      </w:pPr>
      <w:r w:rsidRPr="00246962">
        <w:rPr>
          <w:rFonts w:eastAsia="Times New Roman"/>
        </w:rPr>
        <w:t xml:space="preserve">Naše pověření týkající se projektu končí doručením naší poslední faktury. Jinak, a v rozsahu, v jakém tato </w:t>
      </w:r>
      <w:r>
        <w:rPr>
          <w:rFonts w:eastAsia="Times New Roman"/>
        </w:rPr>
        <w:t>dohoda</w:t>
      </w:r>
      <w:r w:rsidRPr="00246962">
        <w:rPr>
          <w:rFonts w:eastAsia="Times New Roman"/>
        </w:rPr>
        <w:t xml:space="preserve"> je vymahatelná podle příslušných právních předpisů:</w:t>
      </w:r>
    </w:p>
    <w:p w:rsidR="00F266A5" w:rsidRPr="00246962" w:rsidRDefault="00F266A5" w:rsidP="00F266A5">
      <w:pPr>
        <w:pStyle w:val="AOGenNum2List"/>
        <w:numPr>
          <w:ilvl w:val="3"/>
          <w:numId w:val="13"/>
        </w:numPr>
      </w:pPr>
      <w:r w:rsidRPr="00246962">
        <w:t>jste oprávněni kdykoli ukončit naše pověření týkající se některého projektu nebo všech projektů písemnou výpovědí s přiměřenou výpovědní dobou,</w:t>
      </w:r>
    </w:p>
    <w:p w:rsidR="00F266A5" w:rsidRPr="00246962" w:rsidRDefault="00F266A5" w:rsidP="00F266A5">
      <w:pPr>
        <w:pStyle w:val="AOGenNum2List"/>
        <w:numPr>
          <w:ilvl w:val="3"/>
          <w:numId w:val="13"/>
        </w:numPr>
      </w:pPr>
      <w:r w:rsidRPr="00246962">
        <w:t xml:space="preserve">jsme oprávněni ukončit své pověření týkající se některého projektu nebo všech projektů písemnou výpovědí, pokud k tomu budeme mít řádný důvod (např. prodlení s úhradou naší odměny, </w:t>
      </w:r>
      <w:r>
        <w:t>výskyt střetu</w:t>
      </w:r>
      <w:r w:rsidRPr="00246962">
        <w:t xml:space="preserve"> zájmů, nebo v případě, že nás žádáte o poskytnutí právních služeb v</w:t>
      </w:r>
      <w:r w:rsidR="005E43CD">
        <w:t> </w:t>
      </w:r>
      <w:r w:rsidRPr="00246962">
        <w:t>souvislosti s jakoukoli protiprávní činností včetně trestných činů finanční povahy jako například pomoc při vyhýbání se placení daní nebo v případě, že se domníváme, že další poskytování právních služeb by mohlo mít negativní vliv na naši pověst), a to v přiměřené výpovědní lhůtě,</w:t>
      </w:r>
      <w:r w:rsidR="00E55667">
        <w:t xml:space="preserve"> i v takovém případě ale nezaniká naše povinnost po dobu 15 dnů ode dne, kdy došlo k ukončení poskytování právních služeb</w:t>
      </w:r>
      <w:r w:rsidR="00B13CDF">
        <w:t>, činit veškeré nedokladné úkony tak, aby Klient neutrpěl na svých právec</w:t>
      </w:r>
      <w:r w:rsidR="009D7578">
        <w:t>h nebo oprávněných zájmech</w:t>
      </w:r>
    </w:p>
    <w:p w:rsidR="00F266A5" w:rsidRPr="00246962" w:rsidRDefault="00F266A5" w:rsidP="00F266A5">
      <w:pPr>
        <w:pStyle w:val="AOGenNum2List"/>
        <w:numPr>
          <w:ilvl w:val="3"/>
          <w:numId w:val="13"/>
        </w:numPr>
      </w:pPr>
      <w:r w:rsidRPr="00246962">
        <w:t>v každém případě uhradíte naše náklady až do okamžiku ukončení.</w:t>
      </w:r>
    </w:p>
    <w:p w:rsidR="00F266A5" w:rsidRPr="00246962" w:rsidRDefault="00F266A5" w:rsidP="00F266A5">
      <w:pPr>
        <w:pStyle w:val="AOGenNum2"/>
        <w:spacing w:before="120"/>
        <w:rPr>
          <w:rFonts w:eastAsia="Times New Roman"/>
        </w:rPr>
      </w:pPr>
      <w:bookmarkStart w:id="31" w:name="_Ref354873"/>
      <w:bookmarkStart w:id="32" w:name="_Ref343586"/>
      <w:r w:rsidRPr="00246962">
        <w:rPr>
          <w:rFonts w:eastAsia="Times New Roman"/>
        </w:rPr>
        <w:t>Rozhodné právo a řešení sporů</w:t>
      </w:r>
      <w:bookmarkEnd w:id="31"/>
    </w:p>
    <w:p w:rsidR="00F266A5" w:rsidRPr="00194468" w:rsidRDefault="00F266A5" w:rsidP="00F266A5">
      <w:pPr>
        <w:pStyle w:val="AOGenNum2List"/>
      </w:pPr>
      <w:r w:rsidRPr="00246962">
        <w:t>Tato Smlouva a naše pověření ve vztahu k jakémukoli projektu (včetně jakýchkoli mimosmluvních závazků vzniklých na základě nebo v souvislosti s touto Smlouvou a naším pověřením ve vztahu k jakémukoli projektu) se řídí anglickým právem.</w:t>
      </w:r>
    </w:p>
    <w:p w:rsidR="00F266A5" w:rsidRPr="00194468" w:rsidRDefault="00F266A5" w:rsidP="00F266A5">
      <w:pPr>
        <w:pStyle w:val="AOGenNum2List"/>
      </w:pPr>
      <w:r w:rsidRPr="00246962">
        <w:lastRenderedPageBreak/>
        <w:t xml:space="preserve">Pro účely tohoto článku </w:t>
      </w:r>
      <w:r w:rsidRPr="00265ACE">
        <w:fldChar w:fldCharType="begin"/>
      </w:r>
      <w:r w:rsidRPr="00246962">
        <w:instrText xml:space="preserve"> REF _Ref354873 \r \h </w:instrText>
      </w:r>
      <w:r w:rsidRPr="00265ACE">
        <w:fldChar w:fldCharType="separate"/>
      </w:r>
      <w:r w:rsidR="009741D1">
        <w:t>12</w:t>
      </w:r>
      <w:r w:rsidRPr="00265ACE">
        <w:fldChar w:fldCharType="end"/>
      </w:r>
      <w:r w:rsidRPr="00246962">
        <w:t xml:space="preserve"> </w:t>
      </w:r>
      <w:r w:rsidRPr="00696091">
        <w:rPr>
          <w:b/>
        </w:rPr>
        <w:t>Spor</w:t>
      </w:r>
      <w:r w:rsidRPr="00246962">
        <w:t xml:space="preserve"> znamená (a) jakýkoli spor vzniklý na základě, týkající se nebo mající jakoukoli souvislost s touto Smlouvou nebo naším pověřením ve vztahu k jakémukoli projektu, včetně jakéhokoli sporu ohledně její existence, platnosti, výkladu, plnění, porušení nebo ukončení nebo důsledků její neplatnosti, a (b) jakýkoli spor týkající se jakýchkoli mimosmluvních závazků vzniklých na základě nebo v souvislosti s touto Smlouvou nebo naším pověřením ve vztahu k jakémukoli projektu.</w:t>
      </w:r>
    </w:p>
    <w:p w:rsidR="00F266A5" w:rsidRPr="00246962" w:rsidRDefault="00F266A5" w:rsidP="00F266A5">
      <w:pPr>
        <w:pStyle w:val="AOGenNum2List"/>
      </w:pPr>
      <w:bookmarkStart w:id="33" w:name="_Ref355220"/>
      <w:bookmarkStart w:id="34" w:name="_Ref1468173"/>
      <w:r w:rsidRPr="00246962">
        <w:t xml:space="preserve">Jakýkoli Spor mezi námi a jednou nebo více stranami této Smlouvy musí být písemně oznámen druhé straně nebo případně ostatním stranám. Oznámení musí obsahovat podrobné informace o Sporu. Oznámení zaslané nám musí být také v kopii zasláno společnosti Allen &amp; </w:t>
      </w:r>
      <w:proofErr w:type="spellStart"/>
      <w:r w:rsidRPr="00246962">
        <w:t>Overy</w:t>
      </w:r>
      <w:proofErr w:type="spellEnd"/>
      <w:r w:rsidRPr="00246962">
        <w:t xml:space="preserve"> LLP, se sídlem </w:t>
      </w:r>
      <w:proofErr w:type="spellStart"/>
      <w:r w:rsidRPr="001951F7">
        <w:t>One</w:t>
      </w:r>
      <w:proofErr w:type="spellEnd"/>
      <w:r w:rsidRPr="001951F7">
        <w:t xml:space="preserve"> </w:t>
      </w:r>
      <w:proofErr w:type="spellStart"/>
      <w:r w:rsidRPr="001951F7">
        <w:t>Bishops</w:t>
      </w:r>
      <w:proofErr w:type="spellEnd"/>
      <w:r w:rsidRPr="001951F7">
        <w:t xml:space="preserve"> Square, London, E1 6AD, United </w:t>
      </w:r>
      <w:proofErr w:type="spellStart"/>
      <w:r w:rsidRPr="001951F7">
        <w:t>Kingdom</w:t>
      </w:r>
      <w:proofErr w:type="spellEnd"/>
      <w:r w:rsidRPr="00246962">
        <w:t>, a označeno „</w:t>
      </w:r>
      <w:proofErr w:type="spellStart"/>
      <w:r w:rsidRPr="001951F7">
        <w:t>for</w:t>
      </w:r>
      <w:proofErr w:type="spellEnd"/>
      <w:r w:rsidRPr="001951F7">
        <w:t xml:space="preserve"> </w:t>
      </w:r>
      <w:proofErr w:type="spellStart"/>
      <w:r w:rsidRPr="001951F7">
        <w:t>the</w:t>
      </w:r>
      <w:proofErr w:type="spellEnd"/>
      <w:r w:rsidRPr="001951F7">
        <w:t xml:space="preserve"> </w:t>
      </w:r>
      <w:proofErr w:type="spellStart"/>
      <w:r w:rsidRPr="001951F7">
        <w:t>attention</w:t>
      </w:r>
      <w:proofErr w:type="spellEnd"/>
      <w:r w:rsidRPr="001951F7">
        <w:t xml:space="preserve"> </w:t>
      </w:r>
      <w:proofErr w:type="spellStart"/>
      <w:r w:rsidRPr="001951F7">
        <w:t>of</w:t>
      </w:r>
      <w:proofErr w:type="spellEnd"/>
      <w:r w:rsidRPr="001951F7">
        <w:t xml:space="preserve"> </w:t>
      </w:r>
      <w:proofErr w:type="spellStart"/>
      <w:r w:rsidRPr="001951F7">
        <w:t>the</w:t>
      </w:r>
      <w:proofErr w:type="spellEnd"/>
      <w:r w:rsidRPr="001951F7">
        <w:t xml:space="preserve"> General </w:t>
      </w:r>
      <w:proofErr w:type="spellStart"/>
      <w:r w:rsidRPr="001951F7">
        <w:t>Counsel</w:t>
      </w:r>
      <w:proofErr w:type="spellEnd"/>
      <w:r w:rsidRPr="001951F7">
        <w:t xml:space="preserve"> and </w:t>
      </w:r>
      <w:proofErr w:type="spellStart"/>
      <w:r w:rsidRPr="001951F7">
        <w:t>the</w:t>
      </w:r>
      <w:proofErr w:type="spellEnd"/>
      <w:r w:rsidRPr="001951F7">
        <w:t xml:space="preserve"> Business </w:t>
      </w:r>
      <w:proofErr w:type="spellStart"/>
      <w:r w:rsidRPr="001951F7">
        <w:t>Protection</w:t>
      </w:r>
      <w:proofErr w:type="spellEnd"/>
      <w:r w:rsidRPr="001951F7">
        <w:t xml:space="preserve"> Unit</w:t>
      </w:r>
      <w:r w:rsidRPr="00246962">
        <w:t xml:space="preserve">“. Strany Sporu jsou povinny nejdříve se pokusit Spor smírně vyřešit jednáním. Pokud Spor nebude jednáním smírně vyřešen do 30 dnů ode dne, kdy bylo podáno oznámení v souladu s tímto </w:t>
      </w:r>
      <w:bookmarkEnd w:id="33"/>
      <w:r w:rsidRPr="00246962">
        <w:t xml:space="preserve">článkem </w:t>
      </w:r>
      <w:r>
        <w:fldChar w:fldCharType="begin"/>
      </w:r>
      <w:r>
        <w:instrText xml:space="preserve"> REF _Ref1468173 \w \h </w:instrText>
      </w:r>
      <w:r>
        <w:fldChar w:fldCharType="separate"/>
      </w:r>
      <w:r w:rsidR="009741D1">
        <w:t>12(c)</w:t>
      </w:r>
      <w:r>
        <w:fldChar w:fldCharType="end"/>
      </w:r>
      <w:r w:rsidRPr="00246962">
        <w:t xml:space="preserve"> (nebo během delší doby písemně dohodnuté stranami Sporu), jakákoli strana může zahájit řízení v souladu s ustanoveními uvedenými dále v tomto článku </w:t>
      </w:r>
      <w:r w:rsidRPr="00246962">
        <w:fldChar w:fldCharType="begin"/>
      </w:r>
      <w:r w:rsidRPr="00246962">
        <w:instrText xml:space="preserve"> REF _Ref354873 \r \h </w:instrText>
      </w:r>
      <w:r w:rsidRPr="00246962">
        <w:fldChar w:fldCharType="separate"/>
      </w:r>
      <w:r w:rsidR="009741D1">
        <w:t>12</w:t>
      </w:r>
      <w:r w:rsidRPr="00246962">
        <w:fldChar w:fldCharType="end"/>
      </w:r>
      <w:r w:rsidRPr="00246962">
        <w:t>.</w:t>
      </w:r>
      <w:bookmarkEnd w:id="34"/>
    </w:p>
    <w:p w:rsidR="00F266A5" w:rsidRPr="00246962" w:rsidRDefault="00F266A5" w:rsidP="00F266A5">
      <w:pPr>
        <w:pStyle w:val="AOGenNum2List"/>
      </w:pPr>
      <w:bookmarkStart w:id="35" w:name="_Ref355388"/>
      <w:r w:rsidRPr="00246962">
        <w:t xml:space="preserve">Nebude-li použit článek </w:t>
      </w:r>
      <w:r>
        <w:fldChar w:fldCharType="begin"/>
      </w:r>
      <w:r>
        <w:instrText xml:space="preserve"> REF _Ref512275 \w \h </w:instrText>
      </w:r>
      <w:r>
        <w:fldChar w:fldCharType="separate"/>
      </w:r>
      <w:r w:rsidR="009741D1">
        <w:t>12(e)</w:t>
      </w:r>
      <w:r>
        <w:fldChar w:fldCharType="end"/>
      </w:r>
      <w:r w:rsidRPr="00246962">
        <w:t xml:space="preserve"> (možnost předložit Spor soudu):</w:t>
      </w:r>
      <w:bookmarkEnd w:id="35"/>
    </w:p>
    <w:p w:rsidR="00F266A5" w:rsidRPr="00246962" w:rsidRDefault="00F266A5" w:rsidP="00F266A5">
      <w:pPr>
        <w:pStyle w:val="AOGenNum2List"/>
        <w:numPr>
          <w:ilvl w:val="4"/>
          <w:numId w:val="13"/>
        </w:numPr>
      </w:pPr>
      <w:r w:rsidRPr="00246962">
        <w:t>Spor bude předložen a s konečnou platností rozhodnut rozhodčím řízením podle Pravidel rozhodčího řízení LCIA (</w:t>
      </w:r>
      <w:r>
        <w:t xml:space="preserve">LCIA, </w:t>
      </w:r>
      <w:proofErr w:type="spellStart"/>
      <w:r>
        <w:t>Arbitration</w:t>
      </w:r>
      <w:proofErr w:type="spellEnd"/>
      <w:r>
        <w:t xml:space="preserve"> </w:t>
      </w:r>
      <w:proofErr w:type="spellStart"/>
      <w:r>
        <w:t>Rules</w:t>
      </w:r>
      <w:proofErr w:type="spellEnd"/>
      <w:r>
        <w:t xml:space="preserve">, dále jen </w:t>
      </w:r>
      <w:r w:rsidRPr="00696091">
        <w:rPr>
          <w:b/>
        </w:rPr>
        <w:t>Pravidla</w:t>
      </w:r>
      <w:r w:rsidRPr="00246962">
        <w:t xml:space="preserve">) platných v době zahájení rozhodčího řízení. Pravidla jsou zahrnuta odkazem do tohoto článku </w:t>
      </w:r>
      <w:r>
        <w:fldChar w:fldCharType="begin"/>
      </w:r>
      <w:r>
        <w:instrText xml:space="preserve"> REF _Ref355388 \w \h </w:instrText>
      </w:r>
      <w:r>
        <w:fldChar w:fldCharType="separate"/>
      </w:r>
      <w:r w:rsidR="009741D1">
        <w:t>12(d)</w:t>
      </w:r>
      <w:r>
        <w:fldChar w:fldCharType="end"/>
      </w:r>
      <w:r w:rsidRPr="00246962">
        <w:t>. Rozhodčí řízení, dokumenty vypracované nebo předložené v souvislosti s rozhodčím řízení</w:t>
      </w:r>
      <w:r>
        <w:t>m</w:t>
      </w:r>
      <w:r w:rsidRPr="00246962">
        <w:t xml:space="preserve"> a všechny rozhodnutí, příkazy a nálezy zůstanou důvěrné. Nebude-li písemně dohodnuto jinak, rozhodci budou tři, místem rozhodčího řízení b</w:t>
      </w:r>
      <w:r>
        <w:t>ude Londýn (i když rozhodčí senát</w:t>
      </w:r>
      <w:r w:rsidRPr="00246962">
        <w:t xml:space="preserve"> může rozhodnout, že</w:t>
      </w:r>
      <w:r>
        <w:t xml:space="preserve"> </w:t>
      </w:r>
      <w:r w:rsidRPr="00246962">
        <w:t>se</w:t>
      </w:r>
      <w:r>
        <w:t xml:space="preserve"> jed</w:t>
      </w:r>
      <w:r w:rsidRPr="00E8533E">
        <w:t>n</w:t>
      </w:r>
      <w:r>
        <w:t>ání</w:t>
      </w:r>
      <w:r w:rsidRPr="00246962">
        <w:t xml:space="preserve"> budou konat jinde) a jazyk používaný v rozhodčím řízení bude angličtina. Nominujeme jednoho rozhodce na jmenování Soudem LCIA. Vy nominujete jednoho rozhodce pro jmenování Soudem LCIA. Soud LCIA jmenuje předsedu.</w:t>
      </w:r>
    </w:p>
    <w:p w:rsidR="00F266A5" w:rsidRPr="00246962" w:rsidRDefault="00F266A5" w:rsidP="00F266A5">
      <w:pPr>
        <w:pStyle w:val="AOGenNum2List"/>
        <w:numPr>
          <w:ilvl w:val="4"/>
          <w:numId w:val="13"/>
        </w:numPr>
      </w:pPr>
      <w:r w:rsidRPr="00246962">
        <w:t>Pokud po uplynutí doby stanovené pro doručení žaloby, žalobní odpovědi, repliky a/nebo dupliky (</w:t>
      </w:r>
      <w:r w:rsidRPr="00696091">
        <w:rPr>
          <w:b/>
        </w:rPr>
        <w:t>Podání</w:t>
      </w:r>
      <w:r>
        <w:t>) bude rozhodčí senát</w:t>
      </w:r>
      <w:r w:rsidRPr="00246962">
        <w:t xml:space="preserve"> přesvědčen, že není žádná reálná možnost úspěchu žádného z nároků vznesených v Podáních nebo úspěšné obrany žádného z nároků vznesených v Podáních, </w:t>
      </w:r>
      <w:r>
        <w:t>rozhodčí senát</w:t>
      </w:r>
      <w:r w:rsidRPr="00246962">
        <w:t xml:space="preserve"> může ohledně těchto nároků rozhodnout ve zkráceném řízení, pokud usoudí, že to je v zájmu spravedlnosti. Pokud bude použito zkrácené řízení, </w:t>
      </w:r>
      <w:r>
        <w:t>rozhodčí senát</w:t>
      </w:r>
      <w:r w:rsidRPr="00246962">
        <w:t xml:space="preserve"> o těchto nárocích rozhodne, co nejdříve to bude možné. </w:t>
      </w:r>
      <w:r>
        <w:t>Rozhodčí senát</w:t>
      </w:r>
      <w:r w:rsidRPr="00246962">
        <w:t xml:space="preserve"> může ve vztahu k těmto nárokům vyzvat k předložení dalších krátkých písemných podání a ústní jednání k rozhodnutí těchto nároků povede, pouze pokud bude přesvědčen, že to je nezbytné. </w:t>
      </w:r>
      <w:r>
        <w:t>Rozhodčí senát</w:t>
      </w:r>
      <w:r w:rsidRPr="00246962">
        <w:t xml:space="preserve"> může rozhodnout, že ve zkráceném řízení rozhodne pouze o některých z nároků vznesených v rozhodčím řízení.</w:t>
      </w:r>
    </w:p>
    <w:p w:rsidR="00F266A5" w:rsidRPr="00246962" w:rsidRDefault="00F266A5" w:rsidP="00F266A5">
      <w:pPr>
        <w:pStyle w:val="AOGenNum2List"/>
        <w:numPr>
          <w:ilvl w:val="4"/>
          <w:numId w:val="13"/>
        </w:numPr>
      </w:pPr>
      <w:r w:rsidRPr="00246962">
        <w:t xml:space="preserve">Aby se předešlo pochybnostem, rozhodčí doložka v tomto článku </w:t>
      </w:r>
      <w:r>
        <w:fldChar w:fldCharType="begin"/>
      </w:r>
      <w:r>
        <w:instrText xml:space="preserve"> REF _Ref355388 \w \h </w:instrText>
      </w:r>
      <w:r>
        <w:fldChar w:fldCharType="separate"/>
      </w:r>
      <w:r w:rsidR="009741D1">
        <w:t>12(d)</w:t>
      </w:r>
      <w:r>
        <w:fldChar w:fldCharType="end"/>
      </w:r>
      <w:r w:rsidRPr="00246962">
        <w:t xml:space="preserve"> se řídí anglickým právem.</w:t>
      </w:r>
    </w:p>
    <w:p w:rsidR="00F266A5" w:rsidRPr="00246962" w:rsidRDefault="00F266A5" w:rsidP="00F266A5">
      <w:pPr>
        <w:pStyle w:val="AOGenNum2List"/>
      </w:pPr>
      <w:bookmarkStart w:id="36" w:name="_Ref512275"/>
      <w:r w:rsidRPr="00246962">
        <w:t xml:space="preserve">Jakýkoli Subjekt A&amp;O, který je stranou Sporu, může písemným oznámením zaslaným ostatním stranám Sporu požadovat, aby Spor byl předložen soudu v souladu s článkem </w:t>
      </w:r>
      <w:r>
        <w:fldChar w:fldCharType="begin"/>
      </w:r>
      <w:r>
        <w:instrText xml:space="preserve"> REF _Ref512431 \w \h </w:instrText>
      </w:r>
      <w:r>
        <w:fldChar w:fldCharType="separate"/>
      </w:r>
      <w:r w:rsidR="009741D1">
        <w:t>12(f)</w:t>
      </w:r>
      <w:r>
        <w:fldChar w:fldCharType="end"/>
      </w:r>
      <w:r w:rsidRPr="00246962">
        <w:t xml:space="preserve"> níže (místo</w:t>
      </w:r>
      <w:r>
        <w:t xml:space="preserve"> aby byl</w:t>
      </w:r>
      <w:r w:rsidRPr="00246962">
        <w:t xml:space="preserve"> řešen rozhodčím řízením). Toto oznámení musí být podáno kdykoli před ustanovením rozhodčího </w:t>
      </w:r>
      <w:r>
        <w:t>senátu</w:t>
      </w:r>
      <w:r w:rsidRPr="00246962">
        <w:t xml:space="preserve"> podle článku </w:t>
      </w:r>
      <w:r>
        <w:fldChar w:fldCharType="begin"/>
      </w:r>
      <w:r>
        <w:instrText xml:space="preserve"> REF _Ref355388 \w \h </w:instrText>
      </w:r>
      <w:r>
        <w:fldChar w:fldCharType="separate"/>
      </w:r>
      <w:r w:rsidR="009741D1">
        <w:t>12(d)</w:t>
      </w:r>
      <w:r>
        <w:fldChar w:fldCharType="end"/>
      </w:r>
      <w:r w:rsidRPr="00246962">
        <w:t xml:space="preserve">. Tento článek </w:t>
      </w:r>
      <w:r>
        <w:fldChar w:fldCharType="begin"/>
      </w:r>
      <w:r>
        <w:instrText xml:space="preserve"> REF _Ref512275 \w \h </w:instrText>
      </w:r>
      <w:r>
        <w:fldChar w:fldCharType="separate"/>
      </w:r>
      <w:r w:rsidR="009741D1">
        <w:t>12(e)</w:t>
      </w:r>
      <w:r>
        <w:fldChar w:fldCharType="end"/>
      </w:r>
      <w:r w:rsidRPr="00246962">
        <w:t xml:space="preserve"> slouží pouze ve prospěch Allen &amp; </w:t>
      </w:r>
      <w:proofErr w:type="spellStart"/>
      <w:r w:rsidRPr="00246962">
        <w:t>Overy</w:t>
      </w:r>
      <w:proofErr w:type="spellEnd"/>
      <w:r w:rsidRPr="00246962">
        <w:t xml:space="preserve"> LLP a Subjektů A&amp;O.</w:t>
      </w:r>
      <w:bookmarkEnd w:id="36"/>
    </w:p>
    <w:p w:rsidR="00F266A5" w:rsidRPr="00246962" w:rsidRDefault="00F266A5" w:rsidP="00F266A5">
      <w:pPr>
        <w:pStyle w:val="AOGenNum2List"/>
        <w:numPr>
          <w:ilvl w:val="4"/>
          <w:numId w:val="13"/>
        </w:numPr>
      </w:pPr>
      <w:r w:rsidRPr="00246962">
        <w:t xml:space="preserve">Pokud oznámení podle tohoto článku </w:t>
      </w:r>
      <w:r>
        <w:fldChar w:fldCharType="begin"/>
      </w:r>
      <w:r>
        <w:instrText xml:space="preserve"> REF _Ref512275 \w \h </w:instrText>
      </w:r>
      <w:r>
        <w:fldChar w:fldCharType="separate"/>
      </w:r>
      <w:r w:rsidR="009741D1">
        <w:t>12(e)</w:t>
      </w:r>
      <w:r>
        <w:fldChar w:fldCharType="end"/>
      </w:r>
      <w:r w:rsidRPr="00246962">
        <w:t xml:space="preserve"> bude podáno po doručení žádosti o zahájení rozhodčího řízení ve vztahu ke Sporu uvedenému v oznámení, jakýkoli Subjekt A&amp;O, který je stranou Sporu, bude rovněž povinen bezodkladně oznámit Soudu LCIA, že tento Spor rozhodnou anglické soudy. Poté, co Soud LCIA obdrží toto oznámení, rozhodčí řízení a </w:t>
      </w:r>
      <w:r w:rsidRPr="00246962">
        <w:lastRenderedPageBreak/>
        <w:t>jakékoli jmenování jakéhokoli rozhodce ve vztahu ke Sporu budou okamžitě ukončeny. Jakýkoli rozhodce, který byl jmenován, přestane mít pravomoc k řešení Sporu.</w:t>
      </w:r>
    </w:p>
    <w:p w:rsidR="00F266A5" w:rsidRPr="00246962" w:rsidRDefault="00F266A5" w:rsidP="00F266A5">
      <w:pPr>
        <w:pStyle w:val="AOGenNum2List"/>
        <w:numPr>
          <w:ilvl w:val="4"/>
          <w:numId w:val="13"/>
        </w:numPr>
      </w:pPr>
      <w:r w:rsidRPr="00246962">
        <w:t>Ukončení rozhodčího řízení nebude mít vliv na:</w:t>
      </w:r>
    </w:p>
    <w:p w:rsidR="00F266A5" w:rsidRPr="00246962" w:rsidRDefault="00F266A5" w:rsidP="00F266A5">
      <w:pPr>
        <w:pStyle w:val="AOGenNum2List"/>
        <w:numPr>
          <w:ilvl w:val="6"/>
          <w:numId w:val="13"/>
        </w:numPr>
      </w:pPr>
      <w:r w:rsidRPr="00246962">
        <w:t>platnost jakéhokoli úkonu učiněného nebo příkazu vyneseného soudem na podporu tohoto řízení před ukončením tohoto rozhodčího řízení a</w:t>
      </w:r>
    </w:p>
    <w:p w:rsidR="00F266A5" w:rsidRPr="001951F7" w:rsidRDefault="00F266A5" w:rsidP="00F266A5">
      <w:pPr>
        <w:pStyle w:val="AOGenNum2List"/>
        <w:numPr>
          <w:ilvl w:val="6"/>
          <w:numId w:val="13"/>
        </w:numPr>
      </w:pPr>
      <w:r w:rsidRPr="00246962">
        <w:t xml:space="preserve">datum, kdy </w:t>
      </w:r>
      <w:r>
        <w:t>byl vznesen jakýkoli nárok nebo obrana</w:t>
      </w:r>
      <w:r w:rsidRPr="00246962">
        <w:t>, pro účely uplatnění jakéhokoli promlčení či jakéhokoli obdobného pravidla či ustanovení.</w:t>
      </w:r>
    </w:p>
    <w:p w:rsidR="00F266A5" w:rsidRPr="00246962" w:rsidRDefault="00F266A5" w:rsidP="00F266A5">
      <w:pPr>
        <w:pStyle w:val="AOGenNum2List"/>
      </w:pPr>
      <w:bookmarkStart w:id="37" w:name="_Ref512431"/>
      <w:r w:rsidRPr="00246962">
        <w:t xml:space="preserve">Pokud bylo podáno oznámení podle článku </w:t>
      </w:r>
      <w:r>
        <w:fldChar w:fldCharType="begin"/>
      </w:r>
      <w:r>
        <w:instrText xml:space="preserve"> REF _Ref512275 \w \h </w:instrText>
      </w:r>
      <w:r>
        <w:fldChar w:fldCharType="separate"/>
      </w:r>
      <w:r w:rsidR="009741D1">
        <w:t>12(e)</w:t>
      </w:r>
      <w:r>
        <w:fldChar w:fldCharType="end"/>
      </w:r>
      <w:r w:rsidRPr="00246962">
        <w:t>, anglické soudy budou výhradně příslušné k rozhodnutí Sporu uvedené</w:t>
      </w:r>
      <w:r>
        <w:t>ho</w:t>
      </w:r>
      <w:r w:rsidRPr="00246962">
        <w:t xml:space="preserve"> v oznámení a každá strana se podvoluje výhradní pravomoci anglických soudů. Pro účely tohoto článku </w:t>
      </w:r>
      <w:r>
        <w:fldChar w:fldCharType="begin"/>
      </w:r>
      <w:r>
        <w:instrText xml:space="preserve"> REF _Ref512431 \w \h </w:instrText>
      </w:r>
      <w:r>
        <w:fldChar w:fldCharType="separate"/>
      </w:r>
      <w:r w:rsidR="009741D1">
        <w:t>12(f)</w:t>
      </w:r>
      <w:r>
        <w:fldChar w:fldCharType="end"/>
      </w:r>
      <w:r w:rsidRPr="00246962">
        <w:t xml:space="preserve"> se každá strana vzdává jakékoli námitky vůči anglickým soudům na základě toho, že by byly nevhodným místem pro řešení jakéhokoli Sporu.</w:t>
      </w:r>
      <w:bookmarkEnd w:id="37"/>
    </w:p>
    <w:p w:rsidR="00F266A5" w:rsidRPr="00246962" w:rsidRDefault="00F266A5" w:rsidP="00F266A5">
      <w:pPr>
        <w:pStyle w:val="AOGenNum2List"/>
      </w:pPr>
      <w:r w:rsidRPr="00246962">
        <w:t xml:space="preserve">Aby se předešlo pochybnostem, možnost předložit Spor soudu uvedená v tomto článku </w:t>
      </w:r>
      <w:r w:rsidRPr="00246962">
        <w:fldChar w:fldCharType="begin"/>
      </w:r>
      <w:r w:rsidRPr="00246962">
        <w:instrText xml:space="preserve"> REF _Ref354873 \r \h </w:instrText>
      </w:r>
      <w:r w:rsidRPr="00246962">
        <w:fldChar w:fldCharType="separate"/>
      </w:r>
      <w:r w:rsidR="009741D1">
        <w:t>12</w:t>
      </w:r>
      <w:r w:rsidRPr="00246962">
        <w:fldChar w:fldCharType="end"/>
      </w:r>
      <w:r w:rsidRPr="00246962">
        <w:t xml:space="preserve"> se řídí anglickým právem.</w:t>
      </w:r>
    </w:p>
    <w:p w:rsidR="00F266A5" w:rsidRDefault="00F266A5" w:rsidP="00F266A5">
      <w:pPr>
        <w:pStyle w:val="AOGenNum2List"/>
      </w:pPr>
      <w:r w:rsidRPr="00246962">
        <w:t xml:space="preserve">Výslovně, neodvolatelně a bezpodmínečně: </w:t>
      </w:r>
    </w:p>
    <w:p w:rsidR="00F266A5" w:rsidRDefault="00F266A5" w:rsidP="00F266A5">
      <w:pPr>
        <w:pStyle w:val="AOGenNum2List"/>
        <w:numPr>
          <w:ilvl w:val="4"/>
          <w:numId w:val="13"/>
        </w:numPr>
      </w:pPr>
      <w:r w:rsidRPr="00246962">
        <w:t>se ve vztahu k sobě a svému majetku (bez ohledu na jeho použití či zamýšlené použití) vzdáváte jakéhokoli práva na imunitu a námitky tohoto práva na základě zákonů jakéhokoli státu, z důvodu suverenity či jinak, které by mohlo existovat nyní či v budoucnu – ať jde o</w:t>
      </w:r>
      <w:r w:rsidR="005E43CD">
        <w:t> </w:t>
      </w:r>
      <w:r w:rsidRPr="00246962">
        <w:t xml:space="preserve">imunitu proti jakémukoli soudnímu či rozhodčímu řízení, proti pravomoci jakéhokoli soudu či rozhodčího soudu, proti uznání jakéhokoli rozsudku, příkazu či nálezu, proti příkazu k zabavení majetku před vydáním rozsudku nebo ve vztahu k výkonu rozhodnutí, proti výkonu rozhodnutí a proti opravnému prostředku jakéhokoli druhu (včetně soudního příkazu nebo zákazu, konkrétního plnění nebo vydání věci), a souhlasíte s tím, že žádné takové právo ani nárok nevznesete v žádném soudním ani rozhodčím řízení ve Spojeném království ani jiném státě; </w:t>
      </w:r>
    </w:p>
    <w:p w:rsidR="00F266A5" w:rsidRDefault="00F266A5" w:rsidP="00F266A5">
      <w:pPr>
        <w:pStyle w:val="AOGenNum2List"/>
        <w:numPr>
          <w:ilvl w:val="4"/>
          <w:numId w:val="13"/>
        </w:numPr>
      </w:pPr>
      <w:r w:rsidRPr="00246962">
        <w:t>podrobujete se pravomoci jakéhokoli soudu pro účely uznání jakéhokoli rozsudku, příkazu či nálezu ve vztahu ke Sporu a</w:t>
      </w:r>
      <w:r>
        <w:t>;</w:t>
      </w:r>
      <w:r w:rsidRPr="00246962">
        <w:t xml:space="preserve"> </w:t>
      </w:r>
    </w:p>
    <w:p w:rsidR="00F266A5" w:rsidRPr="001951F7" w:rsidRDefault="00F266A5" w:rsidP="00F266A5">
      <w:pPr>
        <w:pStyle w:val="AOGenNum2List"/>
        <w:numPr>
          <w:ilvl w:val="4"/>
          <w:numId w:val="13"/>
        </w:numPr>
      </w:pPr>
      <w:r w:rsidRPr="00246962">
        <w:t>souhlasíte se zabavením majetku, výkonu rozhodnutí a jiného opravného prostředku uvedeného výše.</w:t>
      </w:r>
    </w:p>
    <w:p w:rsidR="00F266A5" w:rsidRPr="00246962" w:rsidRDefault="00F266A5" w:rsidP="00F266A5">
      <w:pPr>
        <w:pStyle w:val="AOGenNum2"/>
        <w:spacing w:before="120"/>
        <w:rPr>
          <w:rFonts w:eastAsia="Times New Roman"/>
        </w:rPr>
      </w:pPr>
      <w:bookmarkStart w:id="38" w:name="_Ref363350"/>
      <w:r w:rsidRPr="00246962">
        <w:rPr>
          <w:rFonts w:eastAsia="Times New Roman"/>
        </w:rPr>
        <w:t>Předpisy o potírání praní špinavých peněz</w:t>
      </w:r>
      <w:bookmarkEnd w:id="32"/>
      <w:r>
        <w:rPr>
          <w:rFonts w:eastAsia="Times New Roman"/>
        </w:rPr>
        <w:t>,</w:t>
      </w:r>
      <w:r w:rsidRPr="00246962">
        <w:rPr>
          <w:rFonts w:eastAsia="Times New Roman"/>
        </w:rPr>
        <w:t xml:space="preserve"> sankce</w:t>
      </w:r>
      <w:bookmarkEnd w:id="38"/>
      <w:r>
        <w:rPr>
          <w:rFonts w:eastAsia="Times New Roman"/>
        </w:rPr>
        <w:t xml:space="preserve"> a povinné poskytování informací</w:t>
      </w:r>
    </w:p>
    <w:p w:rsidR="00F266A5" w:rsidRPr="00246962" w:rsidRDefault="00F266A5" w:rsidP="00F266A5">
      <w:pPr>
        <w:pStyle w:val="AOGenNum2List"/>
      </w:pPr>
      <w:bookmarkStart w:id="39" w:name="_Hlt63042219"/>
      <w:r w:rsidRPr="00246962">
        <w:t xml:space="preserve">Je </w:t>
      </w:r>
      <w:r w:rsidRPr="001951F7">
        <w:t>možné</w:t>
      </w:r>
      <w:r w:rsidRPr="00246962">
        <w:t>, že podle předpisů o potírání praní špinavých peněz budeme potřebovat formální doklad Vaší totožnosti, abychom mohli provést určitý úkon, a pro tyto účely můžeme také provádět kontroly s použitím externích elektronických databází. Pokud nebudeme schopni získat doklad o Vaší totožnosti nebo tento doklad nepředložíte, může se stát, že pro Vás nebudeme schopni pracovat nebo pro Vás budeme muset přestat pracovat. Jsme rovněž povinni oznámit podezření na činnost představující praní špinavých peněz našemu odpovědnému pracovníkovi pro oznamování případů praní peněz (</w:t>
      </w:r>
      <w:r w:rsidRPr="00E8533E">
        <w:rPr>
          <w:i/>
        </w:rPr>
        <w:t xml:space="preserve">Money </w:t>
      </w:r>
      <w:proofErr w:type="spellStart"/>
      <w:r w:rsidRPr="00E8533E">
        <w:rPr>
          <w:i/>
        </w:rPr>
        <w:t>Laundering</w:t>
      </w:r>
      <w:proofErr w:type="spellEnd"/>
      <w:r w:rsidRPr="00E8533E">
        <w:rPr>
          <w:i/>
        </w:rPr>
        <w:t xml:space="preserve"> Reporting </w:t>
      </w:r>
      <w:proofErr w:type="spellStart"/>
      <w:r w:rsidRPr="00E8533E">
        <w:rPr>
          <w:i/>
        </w:rPr>
        <w:t>Officer</w:t>
      </w:r>
      <w:proofErr w:type="spellEnd"/>
      <w:r w:rsidRPr="00246962">
        <w:t xml:space="preserve">) </w:t>
      </w:r>
      <w:r>
        <w:t>a/</w:t>
      </w:r>
      <w:r w:rsidRPr="00246962">
        <w:t>nebo příslušným externím orgánům. Je možné, že pokud předložíme takovéto oznámení, budeme muset svou práci na projektu přerušit a nebudeme oprávněni Vás o tomto oznámení informovat. Neneseme vůči Vám žádnou odpovědnost za důsledky jakéhokoli takového oznámení učiněného v dobré víře.</w:t>
      </w:r>
    </w:p>
    <w:p w:rsidR="00F266A5" w:rsidRDefault="00F266A5" w:rsidP="00F266A5">
      <w:pPr>
        <w:pStyle w:val="AOGenNum2List"/>
      </w:pPr>
      <w:r w:rsidRPr="00246962">
        <w:t>Jsme rovněž povinni se řídit různými režimy sankcí a jinými právními a regulatorními omezení</w:t>
      </w:r>
      <w:r>
        <w:t>mi</w:t>
      </w:r>
      <w:r w:rsidRPr="00246962">
        <w:t xml:space="preserve">, které mohou být specifické pro určité státy, právnické a/nebo fyzické osoby. Souhlasíte s tím, že pokud usoudíme, že naše práce na některém projektu by mohla představovat porušení jakékoli příslušné </w:t>
      </w:r>
      <w:r w:rsidRPr="00246962">
        <w:lastRenderedPageBreak/>
        <w:t>vládní, mezivládní či regulatorní sankce, můžeme na příslušném projektu ihned přestat pracovat a</w:t>
      </w:r>
      <w:r w:rsidR="005E43CD">
        <w:t> </w:t>
      </w:r>
      <w:r w:rsidRPr="00246962">
        <w:t>ukončit naše pověření, aniž bychom za to nesli jakoukoli odpovědnost.</w:t>
      </w:r>
    </w:p>
    <w:p w:rsidR="00F266A5" w:rsidRPr="001951F7" w:rsidRDefault="00F266A5" w:rsidP="00F266A5">
      <w:pPr>
        <w:pStyle w:val="AOGenNum2List"/>
      </w:pPr>
      <w:r w:rsidRPr="00A97418">
        <w:t xml:space="preserve">V některých zemích je vyžadováno poskytnutí informací o určitých </w:t>
      </w:r>
      <w:r>
        <w:t>schématech</w:t>
      </w:r>
      <w:r w:rsidRPr="00A97418">
        <w:t xml:space="preserve"> nebo uspořádáních </w:t>
      </w:r>
      <w:r>
        <w:t>příslušným</w:t>
      </w:r>
      <w:r w:rsidRPr="00A97418">
        <w:t xml:space="preserve"> orgánům. V mnoha případech nejsme povinni tyto informace poskytnout</w:t>
      </w:r>
      <w:r>
        <w:t xml:space="preserve"> nebo jsme povinni nebo oprávnění informace poskytovat v omezeném rozsahu</w:t>
      </w:r>
      <w:r w:rsidRPr="00A97418">
        <w:t xml:space="preserve">, protože jsme vázáni povinností mlčenlivosti ohledně našeho poradenství. Za takových okolností však povinnost poskytnout příslušné informace </w:t>
      </w:r>
      <w:r>
        <w:t xml:space="preserve">může </w:t>
      </w:r>
      <w:r w:rsidRPr="00A97418">
        <w:t>mít</w:t>
      </w:r>
      <w:r>
        <w:t xml:space="preserve"> jiná osoba nebo</w:t>
      </w:r>
      <w:r w:rsidRPr="00A97418">
        <w:t xml:space="preserve"> Vy. </w:t>
      </w:r>
      <w:r>
        <w:t>V každém případě</w:t>
      </w:r>
      <w:r w:rsidRPr="00A97418">
        <w:t xml:space="preserve"> dle našeho uvážení určíme, zda a v jakém rozsahu jsme povinni poskytnout informace příslušným orgánům</w:t>
      </w:r>
      <w:r>
        <w:t xml:space="preserve"> a/nebo jiným osobám</w:t>
      </w:r>
      <w:r w:rsidRPr="00A97418">
        <w:t>. Může se stát, že Vám nebudeme moci sdělit, zda jsme poskytli</w:t>
      </w:r>
      <w:r>
        <w:t xml:space="preserve"> informace nebo učinili oznámení</w:t>
      </w:r>
      <w:r w:rsidRPr="00A97418">
        <w:t>, a ve vztahu k</w:t>
      </w:r>
      <w:r w:rsidR="005E43CD">
        <w:t> </w:t>
      </w:r>
      <w:r w:rsidRPr="00A97418">
        <w:t>informacím poskytnutým</w:t>
      </w:r>
      <w:r>
        <w:t xml:space="preserve"> nebo oznámení učiněnému</w:t>
      </w:r>
      <w:r w:rsidRPr="00A97418">
        <w:t xml:space="preserve"> v dobré víře nepřebíráme žádnou odpovědnost vůči Vám ani žádné jiné osobě.</w:t>
      </w:r>
    </w:p>
    <w:bookmarkEnd w:id="39"/>
    <w:p w:rsidR="00F266A5" w:rsidRPr="00246962" w:rsidRDefault="00F266A5" w:rsidP="00F266A5">
      <w:pPr>
        <w:pStyle w:val="AOGenNum2"/>
        <w:spacing w:before="120"/>
        <w:rPr>
          <w:rFonts w:eastAsia="Times New Roman"/>
        </w:rPr>
      </w:pPr>
      <w:r w:rsidRPr="00246962">
        <w:rPr>
          <w:rFonts w:eastAsia="Times New Roman"/>
        </w:rPr>
        <w:t>Práva třetích stran</w:t>
      </w:r>
    </w:p>
    <w:p w:rsidR="00F266A5" w:rsidRPr="00246962" w:rsidRDefault="00F266A5" w:rsidP="00F266A5">
      <w:pPr>
        <w:pStyle w:val="AOGenNum2Para"/>
        <w:numPr>
          <w:ilvl w:val="0"/>
          <w:numId w:val="0"/>
        </w:numPr>
        <w:spacing w:before="120"/>
        <w:ind w:left="720"/>
        <w:rPr>
          <w:rFonts w:eastAsia="Times New Roman"/>
        </w:rPr>
      </w:pPr>
      <w:r w:rsidRPr="00246962">
        <w:rPr>
          <w:rFonts w:eastAsia="Times New Roman"/>
        </w:rPr>
        <w:t xml:space="preserve">Tyto podmínky a naše pověření Vámi ve vztahu k jakémukoli projektu </w:t>
      </w:r>
      <w:r>
        <w:rPr>
          <w:rFonts w:eastAsia="Times New Roman"/>
        </w:rPr>
        <w:t>zakládají</w:t>
      </w:r>
      <w:r w:rsidRPr="00246962">
        <w:rPr>
          <w:rFonts w:eastAsia="Times New Roman"/>
        </w:rPr>
        <w:t xml:space="preserve"> práva a povinnosti pouze mezi Vámi a námi, a na poradenství, které Vám poskytneme, se nesmí spoléhat žádná jiná osoba, a žádná taková jiná osoba nemá být chráněna našimi závazky a službami poskytnutými Vám ani nemůže vymáhat žádnou podmínku našeho pověření na základě jakéhokoli příslušného právního předpisu.</w:t>
      </w:r>
    </w:p>
    <w:p w:rsidR="00F266A5" w:rsidRPr="00246962" w:rsidRDefault="00F266A5" w:rsidP="00F266A5">
      <w:pPr>
        <w:pStyle w:val="AOGenNum2"/>
        <w:spacing w:before="120"/>
        <w:rPr>
          <w:rFonts w:eastAsia="Times New Roman"/>
        </w:rPr>
      </w:pPr>
      <w:r w:rsidRPr="00246962">
        <w:rPr>
          <w:rFonts w:eastAsia="Times New Roman"/>
        </w:rPr>
        <w:t>Oddělitelnost ustanovení</w:t>
      </w:r>
    </w:p>
    <w:p w:rsidR="00F266A5" w:rsidRPr="001951F7" w:rsidRDefault="00F266A5" w:rsidP="00F266A5">
      <w:pPr>
        <w:pStyle w:val="AOGenNum2Para"/>
        <w:numPr>
          <w:ilvl w:val="0"/>
          <w:numId w:val="0"/>
        </w:numPr>
        <w:spacing w:before="120"/>
        <w:ind w:left="720"/>
      </w:pPr>
      <w:r w:rsidRPr="00246962">
        <w:t>Ustanove</w:t>
      </w:r>
      <w:r>
        <w:t>ní této Smlouvy jsou oddělitelná</w:t>
      </w:r>
      <w:r w:rsidRPr="00246962">
        <w:t xml:space="preserve"> v případě, že jakékoli ustanovení této Smlouvy bude příslušným soudem nebo rozhodčím soudem prohlášeno za neplatné, nicotné nebo jinak nevymahatelné, a zbývající ustanovení zůstanou vymahatelná v největším rozsahu povoleném zákonem.</w:t>
      </w:r>
    </w:p>
    <w:p w:rsidR="00F266A5" w:rsidRPr="00246962" w:rsidRDefault="00F266A5" w:rsidP="00F266A5">
      <w:pPr>
        <w:pStyle w:val="AOGenNum2"/>
        <w:spacing w:before="120"/>
        <w:rPr>
          <w:rFonts w:eastAsia="Times New Roman"/>
        </w:rPr>
      </w:pPr>
      <w:r w:rsidRPr="00246962">
        <w:rPr>
          <w:rFonts w:eastAsia="Times New Roman"/>
        </w:rPr>
        <w:t>Jiná ustanovení</w:t>
      </w:r>
    </w:p>
    <w:p w:rsidR="00F266A5" w:rsidRDefault="00F266A5" w:rsidP="00F266A5">
      <w:pPr>
        <w:pStyle w:val="AOGenNum2Para"/>
        <w:numPr>
          <w:ilvl w:val="0"/>
          <w:numId w:val="0"/>
        </w:numPr>
        <w:spacing w:before="120"/>
        <w:ind w:left="720"/>
        <w:rPr>
          <w:rFonts w:eastAsia="Times New Roman"/>
        </w:rPr>
      </w:pPr>
      <w:r w:rsidRPr="00246962">
        <w:rPr>
          <w:rFonts w:eastAsia="Times New Roman"/>
        </w:rPr>
        <w:t xml:space="preserve">Další informace o tom, jak jsme regulováni, o našem postupu vyřizování stížností (včetně toho, zda máte či nemáte právo stěžovat si právnímu ombudsmanovi ve Spojeném království), našem předpisu o placení úroků, našem postavení v souvislosti s poskytováním finančních služeb (nejsme držiteli oprávnění vydaného finančním regulátorem </w:t>
      </w:r>
      <w:proofErr w:type="spellStart"/>
      <w:r w:rsidRPr="00E8533E">
        <w:rPr>
          <w:rFonts w:eastAsia="Times New Roman"/>
        </w:rPr>
        <w:t>Financial</w:t>
      </w:r>
      <w:proofErr w:type="spellEnd"/>
      <w:r w:rsidRPr="00E8533E">
        <w:rPr>
          <w:rFonts w:eastAsia="Times New Roman"/>
        </w:rPr>
        <w:t xml:space="preserve"> </w:t>
      </w:r>
      <w:proofErr w:type="spellStart"/>
      <w:r w:rsidRPr="00E8533E">
        <w:rPr>
          <w:rFonts w:eastAsia="Times New Roman"/>
        </w:rPr>
        <w:t>Conduct</w:t>
      </w:r>
      <w:proofErr w:type="spellEnd"/>
      <w:r w:rsidRPr="00E8533E">
        <w:rPr>
          <w:rFonts w:eastAsia="Times New Roman"/>
        </w:rPr>
        <w:t xml:space="preserve"> </w:t>
      </w:r>
      <w:proofErr w:type="spellStart"/>
      <w:r w:rsidRPr="00E8533E">
        <w:rPr>
          <w:rFonts w:eastAsia="Times New Roman"/>
        </w:rPr>
        <w:t>Authority</w:t>
      </w:r>
      <w:proofErr w:type="spellEnd"/>
      <w:r w:rsidRPr="00246962">
        <w:rPr>
          <w:rFonts w:eastAsia="Times New Roman"/>
        </w:rPr>
        <w:t xml:space="preserve"> ani žádným jiným finančním regulátorem v žádném státě), včetně sjednávání pojištění, a způsobu, jakým uchováváme a</w:t>
      </w:r>
      <w:r w:rsidR="005E43CD">
        <w:rPr>
          <w:rFonts w:eastAsia="Times New Roman"/>
        </w:rPr>
        <w:t> </w:t>
      </w:r>
      <w:r w:rsidRPr="00246962">
        <w:rPr>
          <w:rFonts w:eastAsia="Times New Roman"/>
        </w:rPr>
        <w:t xml:space="preserve">zpracováváme osobní údaje, naleznete na našich internetových stránkách </w:t>
      </w:r>
      <w:r w:rsidRPr="00246962">
        <w:t>www.allenovery.com/</w:t>
      </w:r>
      <w:proofErr w:type="spellStart"/>
      <w:r w:rsidRPr="00246962">
        <w:t>legal-notices</w:t>
      </w:r>
      <w:proofErr w:type="spellEnd"/>
      <w:r w:rsidRPr="00246962">
        <w:t>/</w:t>
      </w:r>
      <w:proofErr w:type="spellStart"/>
      <w:r w:rsidRPr="00246962">
        <w:t>Pages</w:t>
      </w:r>
      <w:proofErr w:type="spellEnd"/>
      <w:r w:rsidRPr="00246962">
        <w:t>/Services-to-clients.aspx</w:t>
      </w:r>
      <w:r w:rsidRPr="00246962">
        <w:rPr>
          <w:rFonts w:eastAsia="Times New Roman"/>
        </w:rPr>
        <w:t>.</w:t>
      </w:r>
    </w:p>
    <w:p w:rsidR="00F266A5" w:rsidRPr="008C3AAA" w:rsidRDefault="00F266A5" w:rsidP="00F266A5">
      <w:pPr>
        <w:pStyle w:val="AODocTxt"/>
      </w:pPr>
    </w:p>
    <w:p w:rsidR="00F266A5" w:rsidRPr="00246962" w:rsidRDefault="00F266A5" w:rsidP="00F266A5">
      <w:pPr>
        <w:pStyle w:val="AOGenNum2Para"/>
        <w:numPr>
          <w:ilvl w:val="0"/>
          <w:numId w:val="0"/>
        </w:numPr>
        <w:spacing w:before="120"/>
        <w:ind w:left="720"/>
        <w:rPr>
          <w:rFonts w:eastAsia="Times New Roman"/>
          <w:sz w:val="17"/>
          <w:szCs w:val="24"/>
        </w:rPr>
      </w:pPr>
    </w:p>
    <w:p w:rsidR="003965DA" w:rsidRDefault="003965DA" w:rsidP="003965DA">
      <w:pPr>
        <w:pStyle w:val="AODocTxt"/>
      </w:pPr>
    </w:p>
    <w:sectPr w:rsidR="003965DA" w:rsidSect="00C02AF4">
      <w:headerReference w:type="even" r:id="rId9"/>
      <w:headerReference w:type="default" r:id="rId10"/>
      <w:footerReference w:type="even" r:id="rId11"/>
      <w:footerReference w:type="default" r:id="rId12"/>
      <w:headerReference w:type="first" r:id="rId13"/>
      <w:footerReference w:type="first" r:id="rId14"/>
      <w:pgSz w:w="11906" w:h="16838" w:code="9"/>
      <w:pgMar w:top="1588" w:right="1134" w:bottom="1021" w:left="1134" w:header="851" w:footer="454"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rsidR="00735328" w:rsidRPr="00B4019A" w:rsidRDefault="00735328" w:rsidP="00A96094">
      <w:r w:rsidRPr="00B4019A">
        <w:separator/>
      </w:r>
    </w:p>
  </w:endnote>
  <w:endnote w:type="continuationSeparator" w:id="0">
    <w:p w:rsidR="00735328" w:rsidRPr="00B4019A" w:rsidRDefault="00735328" w:rsidP="00A96094">
      <w:r w:rsidRPr="00B4019A">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Times New Roman Bold">
    <w:altName w:val="Times New Roman"/>
    <w:panose1 w:val="00000000000000000000"/>
    <w:charset w:val="00"/>
    <w:family w:val="roman"/>
    <w:notTrueType/>
    <w:pitch w:val="default"/>
  </w:font>
  <w:font w:name="Times New Roman">
    <w:panose1 w:val="02020603050405020304"/>
    <w:charset w:val="EE"/>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EE"/>
    <w:family w:val="swiss"/>
    <w:pitch w:val="variable"/>
    <w:sig w:usb0="E0002EFF" w:usb1="C000785B" w:usb2="00000009" w:usb3="00000000" w:csb0="000001FF" w:csb1="00000000"/>
  </w:font>
  <w:font w:name="Tahoma">
    <w:panose1 w:val="020B0604030504040204"/>
    <w:charset w:val="EE"/>
    <w:family w:val="swiss"/>
    <w:pitch w:val="variable"/>
    <w:sig w:usb0="E1002EFF" w:usb1="C000605B" w:usb2="00000029" w:usb3="00000000" w:csb0="000101FF" w:csb1="00000000"/>
  </w:font>
  <w:font w:name="Consolas">
    <w:panose1 w:val="020B0609020204030204"/>
    <w:charset w:val="EE"/>
    <w:family w:val="modern"/>
    <w:pitch w:val="fixed"/>
    <w:sig w:usb0="E00006FF" w:usb1="0000FCFF" w:usb2="00000001" w:usb3="00000000" w:csb0="0000019F" w:csb1="00000000"/>
  </w:font>
  <w:font w:name="Dotum">
    <w:altName w:val="돋움"/>
    <w:panose1 w:val="020B0600000101010101"/>
    <w:charset w:val="81"/>
    <w:family w:val="swiss"/>
    <w:pitch w:val="variable"/>
    <w:sig w:usb0="B00002AF" w:usb1="69D77CFB" w:usb2="00000030" w:usb3="00000000" w:csb0="0008009F" w:csb1="00000000"/>
  </w:font>
  <w:font w:name="Batang">
    <w:altName w:val="바탕"/>
    <w:panose1 w:val="02030600000101010101"/>
    <w:charset w:val="81"/>
    <w:family w:val="roman"/>
    <w:pitch w:val="variable"/>
    <w:sig w:usb0="B00002AF" w:usb1="69D77CFB" w:usb2="00000030" w:usb3="00000000" w:csb0="0008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W w:w="5000" w:type="pct"/>
      <w:tblLayout w:type="fixed"/>
      <w:tblCellMar>
        <w:left w:w="0" w:type="dxa"/>
        <w:right w:w="0" w:type="dxa"/>
      </w:tblCellMar>
      <w:tblLook w:val="04A0" w:firstRow="1" w:lastRow="0" w:firstColumn="1" w:lastColumn="0" w:noHBand="0" w:noVBand="1"/>
    </w:tblPr>
    <w:tblGrid>
      <w:gridCol w:w="3163"/>
      <w:gridCol w:w="3304"/>
      <w:gridCol w:w="3171"/>
    </w:tblGrid>
    <w:tr w:rsidR="00E55667" w:rsidRPr="003E4C00" w:rsidTr="005C5326">
      <w:tc>
        <w:tcPr>
          <w:tcW w:w="5000" w:type="pct"/>
          <w:gridSpan w:val="3"/>
          <w:tcMar>
            <w:top w:w="170" w:type="dxa"/>
          </w:tcMar>
        </w:tcPr>
        <w:p w:rsidR="00E55667" w:rsidRPr="003E4C00" w:rsidRDefault="00E55667" w:rsidP="009806F0">
          <w:pPr>
            <w:pStyle w:val="AONormal8LBold"/>
          </w:pPr>
          <w:r w:rsidRPr="003E4C00">
            <w:fldChar w:fldCharType="begin"/>
          </w:r>
          <w:r w:rsidRPr="003E4C00">
            <w:instrText xml:space="preserve"> DOCPROPERTY  cpFooterText</w:instrText>
          </w:r>
          <w:r w:rsidRPr="003E4C00">
            <w:fldChar w:fldCharType="end"/>
          </w:r>
        </w:p>
      </w:tc>
    </w:tr>
    <w:tr w:rsidR="00E55667" w:rsidRPr="003E4C00" w:rsidTr="005C5326">
      <w:tc>
        <w:tcPr>
          <w:tcW w:w="1641" w:type="pct"/>
        </w:tcPr>
        <w:p w:rsidR="00E55667" w:rsidRPr="003E4C00" w:rsidRDefault="00E55667" w:rsidP="009806F0">
          <w:pPr>
            <w:pStyle w:val="AONormal8L"/>
          </w:pPr>
          <w:r>
            <w:fldChar w:fldCharType="begin"/>
          </w:r>
          <w:r>
            <w:instrText xml:space="preserve"> DOCPROPERTY cpCombinedRef </w:instrText>
          </w:r>
          <w:r>
            <w:fldChar w:fldCharType="separate"/>
          </w:r>
          <w:r>
            <w:t>0010023-0028387 EUO1: 2005735933.1</w:t>
          </w:r>
          <w:r>
            <w:fldChar w:fldCharType="end"/>
          </w:r>
        </w:p>
      </w:tc>
      <w:tc>
        <w:tcPr>
          <w:tcW w:w="1714" w:type="pct"/>
        </w:tcPr>
        <w:p w:rsidR="00E55667" w:rsidRPr="003E4C00" w:rsidRDefault="00E55667" w:rsidP="009806F0">
          <w:pPr>
            <w:pStyle w:val="AONormal8C"/>
          </w:pPr>
          <w:r w:rsidRPr="003E4C00">
            <w:fldChar w:fldCharType="begin"/>
          </w:r>
          <w:r w:rsidRPr="003E4C00">
            <w:instrText xml:space="preserve"> PAGE </w:instrText>
          </w:r>
          <w:r w:rsidRPr="003E4C00">
            <w:fldChar w:fldCharType="separate"/>
          </w:r>
          <w:r>
            <w:rPr>
              <w:noProof/>
            </w:rPr>
            <w:t>10</w:t>
          </w:r>
          <w:r w:rsidRPr="003E4C00">
            <w:rPr>
              <w:noProof/>
            </w:rPr>
            <w:fldChar w:fldCharType="end"/>
          </w:r>
        </w:p>
      </w:tc>
      <w:tc>
        <w:tcPr>
          <w:tcW w:w="1645" w:type="pct"/>
        </w:tcPr>
        <w:p w:rsidR="00E55667" w:rsidRPr="003E4C00" w:rsidRDefault="00E55667" w:rsidP="009806F0">
          <w:pPr>
            <w:pStyle w:val="AONormal8R"/>
          </w:pPr>
        </w:p>
      </w:tc>
    </w:tr>
  </w:tbl>
  <w:p w:rsidR="00E55667" w:rsidRPr="00B4019A" w:rsidRDefault="00E55667" w:rsidP="00B51A79">
    <w:pPr>
      <w:pStyle w:val="AONormal"/>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AOHdrFtrTblStyle"/>
      <w:tblW w:w="5000" w:type="pct"/>
      <w:tblLook w:val="04A0" w:firstRow="1" w:lastRow="0" w:firstColumn="1" w:lastColumn="0" w:noHBand="0" w:noVBand="1"/>
    </w:tblPr>
    <w:tblGrid>
      <w:gridCol w:w="3210"/>
      <w:gridCol w:w="3213"/>
      <w:gridCol w:w="3215"/>
    </w:tblGrid>
    <w:tr w:rsidR="00E55667" w:rsidTr="00E55667">
      <w:tc>
        <w:tcPr>
          <w:tcW w:w="5000" w:type="pct"/>
          <w:gridSpan w:val="3"/>
        </w:tcPr>
        <w:bookmarkStart w:id="41" w:name="bmkFooterPrimaryDoc"/>
        <w:p w:rsidR="00E55667" w:rsidRDefault="00E55667" w:rsidP="00E55667">
          <w:pPr>
            <w:pStyle w:val="AONormal8LBold"/>
          </w:pPr>
          <w:r>
            <w:fldChar w:fldCharType="begin"/>
          </w:r>
          <w:r>
            <w:instrText xml:space="preserve"> DOCPROPERTY cpFooterText </w:instrText>
          </w:r>
          <w:r>
            <w:fldChar w:fldCharType="end"/>
          </w:r>
        </w:p>
      </w:tc>
    </w:tr>
    <w:tr w:rsidR="00E55667" w:rsidTr="00E55667">
      <w:tc>
        <w:tcPr>
          <w:tcW w:w="1665" w:type="pct"/>
        </w:tcPr>
        <w:p w:rsidR="00E55667" w:rsidRDefault="00E55667" w:rsidP="00E55667">
          <w:pPr>
            <w:pStyle w:val="AONormal8L"/>
          </w:pPr>
          <w:r>
            <w:fldChar w:fldCharType="begin"/>
          </w:r>
          <w:r>
            <w:instrText xml:space="preserve"> DOCPROPERTY cpCombinedRef </w:instrText>
          </w:r>
          <w:r>
            <w:fldChar w:fldCharType="separate"/>
          </w:r>
          <w:r w:rsidR="00FC7C65">
            <w:t>0010023-0028387 EUO1: 2005735933.1</w:t>
          </w:r>
          <w:r>
            <w:fldChar w:fldCharType="end"/>
          </w:r>
        </w:p>
      </w:tc>
      <w:tc>
        <w:tcPr>
          <w:tcW w:w="1667" w:type="pct"/>
        </w:tcPr>
        <w:p w:rsidR="00E55667" w:rsidRDefault="00E55667" w:rsidP="00E55667">
          <w:pPr>
            <w:pStyle w:val="AONormal8C"/>
          </w:pPr>
          <w:r>
            <w:fldChar w:fldCharType="begin"/>
          </w:r>
          <w:r>
            <w:instrText xml:space="preserve"> PAGE  \* Arabic  \* MERGEFORMAT </w:instrText>
          </w:r>
          <w:r>
            <w:fldChar w:fldCharType="separate"/>
          </w:r>
          <w:r w:rsidR="00FC7C65">
            <w:rPr>
              <w:noProof/>
            </w:rPr>
            <w:t>2</w:t>
          </w:r>
          <w:r>
            <w:fldChar w:fldCharType="end"/>
          </w:r>
        </w:p>
      </w:tc>
      <w:tc>
        <w:tcPr>
          <w:tcW w:w="1667" w:type="pct"/>
        </w:tcPr>
        <w:p w:rsidR="00E55667" w:rsidRDefault="00E55667" w:rsidP="00E55667">
          <w:pPr>
            <w:pStyle w:val="AONormal8R"/>
          </w:pPr>
        </w:p>
      </w:tc>
    </w:tr>
    <w:bookmarkEnd w:id="41"/>
  </w:tbl>
  <w:p w:rsidR="00E55667" w:rsidRPr="00C02AF4" w:rsidRDefault="00E55667" w:rsidP="00C02AF4">
    <w:pPr>
      <w:pStyle w:val="AONormal8L"/>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AOHdrFtrTblStyle"/>
      <w:tblW w:w="5173" w:type="pct"/>
      <w:tblLook w:val="04A0" w:firstRow="1" w:lastRow="0" w:firstColumn="1" w:lastColumn="0" w:noHBand="0" w:noVBand="1"/>
    </w:tblPr>
    <w:tblGrid>
      <w:gridCol w:w="9971"/>
    </w:tblGrid>
    <w:tr w:rsidR="00E55667" w:rsidTr="00C02AF4">
      <w:trPr>
        <w:trHeight w:val="680"/>
      </w:trPr>
      <w:tc>
        <w:tcPr>
          <w:tcW w:w="5000" w:type="pct"/>
        </w:tcPr>
        <w:p w:rsidR="00E55667" w:rsidRDefault="00E55667" w:rsidP="00E55667">
          <w:pPr>
            <w:pStyle w:val="AONormal6L"/>
          </w:pPr>
          <w:bookmarkStart w:id="44" w:name="bmkFooterFirstLetter"/>
        </w:p>
      </w:tc>
    </w:tr>
    <w:tr w:rsidR="00E55667" w:rsidTr="00C02AF4">
      <w:tc>
        <w:tcPr>
          <w:tcW w:w="5000" w:type="pct"/>
        </w:tcPr>
        <w:p w:rsidR="00E55667" w:rsidRDefault="00E55667" w:rsidP="00E55667">
          <w:pPr>
            <w:pStyle w:val="AONormal6L"/>
          </w:pPr>
          <w:bookmarkStart w:id="45" w:name="bmkOfficePartnerListLabel"/>
          <w:bookmarkStart w:id="46" w:name="bmkOfficePartnerList"/>
          <w:bookmarkStart w:id="47" w:name="bmkOfficePartnerListDescLabel"/>
          <w:bookmarkStart w:id="48" w:name="bmkOfficeDisclaimer"/>
          <w:bookmarkStart w:id="49" w:name="bmkOfficeInformation"/>
          <w:bookmarkEnd w:id="45"/>
          <w:bookmarkEnd w:id="46"/>
          <w:bookmarkEnd w:id="47"/>
          <w:bookmarkEnd w:id="48"/>
          <w:r>
            <w:t>Allen &amp; Overy (Czech Republic) LLP je přidružená k Allen &amp; Overy LLP, právnické osobě s ručením omezeným, zapsané v Anglii a Walesu. Allen &amp; Overy (Czech Republic) LLP je právnická osoba s ručením omezeným zapsaná v Anglii a Walesu pod registračním číslem OC341967, se sídlem na adrese One Bishops Square, Londýn E1 6AD, Spojené království. Seznam společníků Allen &amp; Overy (Czech Republic) LLP je k nahlédnutí v sídle společnosti.</w:t>
          </w:r>
          <w:bookmarkEnd w:id="49"/>
        </w:p>
      </w:tc>
    </w:tr>
    <w:tr w:rsidR="00E55667" w:rsidTr="00C02AF4">
      <w:tc>
        <w:tcPr>
          <w:tcW w:w="5000" w:type="pct"/>
        </w:tcPr>
        <w:p w:rsidR="00E55667" w:rsidRDefault="00E55667" w:rsidP="00E55667">
          <w:pPr>
            <w:pStyle w:val="AONormal6L"/>
          </w:pPr>
          <w:bookmarkStart w:id="50" w:name="bmkOffices"/>
          <w:r>
            <w:t>Allen &amp; Overy (Czech Republic) LLP, organizační složka, je zapsána v obchodním rejstříku vedeném Městským soudem v Praze, oddíl A, vložka 64194, IČ 28507436.</w:t>
          </w:r>
        </w:p>
        <w:p w:rsidR="00E55667" w:rsidRDefault="00E55667" w:rsidP="00E55667">
          <w:pPr>
            <w:pStyle w:val="AONormal6L"/>
          </w:pPr>
        </w:p>
        <w:p w:rsidR="00E55667" w:rsidRDefault="00E55667" w:rsidP="00E55667">
          <w:pPr>
            <w:pStyle w:val="AONormal6L"/>
          </w:pPr>
          <w:r>
            <w:t>Allen &amp; Overy LLP nebo její pobočky mají kanceláře v těchto městech: Abú Dhabí, Amsterodam, Antverpy, Bangkok, Barcelona, Belfast, Boston, Bratislava, Brusel, Budapešť, Casablanca, Dubaj, Düsseldorf, Frankfurt, Hamburk, Hanoj, Ho Či Minovo Město, Hongkong, Istanbul, Jakarta (přidružená kancelář), Johannesburg, Londýn, Los Angeles, Lucemburk, Madrid, Milán, Moskva, Mnichov, New York, Paříž, Peking, Perth, Praha, Rangún, Řím, Šanghaj, Sao Paulo, Singapur, Silicon Valley, Soul, Sydney, Tokio, Varšava, Washington, D.C.</w:t>
          </w:r>
          <w:bookmarkEnd w:id="50"/>
        </w:p>
      </w:tc>
    </w:tr>
    <w:bookmarkEnd w:id="44"/>
  </w:tbl>
  <w:p w:rsidR="00E55667" w:rsidRPr="00C02AF4" w:rsidRDefault="00E55667" w:rsidP="00C02AF4">
    <w:pPr>
      <w:pStyle w:val="AONormal8L"/>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rsidR="00735328" w:rsidRPr="00B4019A" w:rsidRDefault="00735328" w:rsidP="00A96094">
      <w:r w:rsidRPr="00B4019A">
        <w:separator/>
      </w:r>
    </w:p>
  </w:footnote>
  <w:footnote w:type="continuationSeparator" w:id="0">
    <w:p w:rsidR="00735328" w:rsidRPr="00B4019A" w:rsidRDefault="00735328" w:rsidP="00A96094">
      <w:r w:rsidRPr="00B4019A">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Mkatabulky"/>
      <w:tblW w:w="5000" w:type="pct"/>
      <w:tblLayout w:type="fixed"/>
      <w:tblLook w:val="04A0" w:firstRow="1" w:lastRow="0" w:firstColumn="1" w:lastColumn="0" w:noHBand="0" w:noVBand="1"/>
    </w:tblPr>
    <w:tblGrid>
      <w:gridCol w:w="9638"/>
    </w:tblGrid>
    <w:tr w:rsidR="00E55667" w:rsidRPr="00B4019A" w:rsidTr="00A25DE7">
      <w:tc>
        <w:tcPr>
          <w:tcW w:w="9638" w:type="dxa"/>
        </w:tcPr>
        <w:p w:rsidR="00E55667" w:rsidRPr="00B4019A" w:rsidRDefault="00E55667" w:rsidP="00910A3D">
          <w:pPr>
            <w:pStyle w:val="AONormal8LBold"/>
          </w:pPr>
          <w:r w:rsidRPr="00B4019A">
            <w:fldChar w:fldCharType="begin"/>
          </w:r>
          <w:r w:rsidRPr="00B4019A">
            <w:instrText xml:space="preserve"> DOCPROPERTY  cpHeaderText</w:instrText>
          </w:r>
          <w:r w:rsidRPr="00B4019A">
            <w:fldChar w:fldCharType="end"/>
          </w:r>
        </w:p>
      </w:tc>
    </w:tr>
  </w:tbl>
  <w:p w:rsidR="00E55667" w:rsidRPr="00B4019A" w:rsidRDefault="00E55667">
    <w:pPr>
      <w:pStyle w:val="Zhlav"/>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AOHdrFtrTblStyle"/>
      <w:tblW w:w="5000" w:type="pct"/>
      <w:tblLayout w:type="fixed"/>
      <w:tblLook w:val="04A0" w:firstRow="1" w:lastRow="0" w:firstColumn="1" w:lastColumn="0" w:noHBand="0" w:noVBand="1"/>
    </w:tblPr>
    <w:tblGrid>
      <w:gridCol w:w="9638"/>
    </w:tblGrid>
    <w:tr w:rsidR="00E55667" w:rsidTr="00E55667">
      <w:tc>
        <w:tcPr>
          <w:tcW w:w="5000" w:type="pct"/>
        </w:tcPr>
        <w:bookmarkStart w:id="40" w:name="bmkHeaderPrimaryDoc"/>
        <w:p w:rsidR="00E55667" w:rsidRDefault="00E55667" w:rsidP="00E55667">
          <w:pPr>
            <w:pStyle w:val="AONormal8LBold"/>
          </w:pPr>
          <w:r>
            <w:fldChar w:fldCharType="begin"/>
          </w:r>
          <w:r>
            <w:instrText xml:space="preserve"> DOCPROPERTY "cpHeaderText" </w:instrText>
          </w:r>
          <w:r>
            <w:fldChar w:fldCharType="end"/>
          </w:r>
        </w:p>
      </w:tc>
    </w:tr>
    <w:bookmarkEnd w:id="40"/>
  </w:tbl>
  <w:p w:rsidR="00E55667" w:rsidRPr="00C02AF4" w:rsidRDefault="00E55667" w:rsidP="00C02AF4">
    <w:pPr>
      <w:pStyle w:val="AONormal8L"/>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AOHdrFtrTblStyle"/>
      <w:tblW w:w="5000" w:type="pct"/>
      <w:tblLayout w:type="fixed"/>
      <w:tblLook w:val="04A0" w:firstRow="1" w:lastRow="0" w:firstColumn="1" w:lastColumn="0" w:noHBand="0" w:noVBand="1"/>
    </w:tblPr>
    <w:tblGrid>
      <w:gridCol w:w="6314"/>
      <w:gridCol w:w="3324"/>
    </w:tblGrid>
    <w:tr w:rsidR="00E55667" w:rsidTr="00E55667">
      <w:trPr>
        <w:trHeight w:hRule="exact" w:val="1361"/>
      </w:trPr>
      <w:tc>
        <w:tcPr>
          <w:tcW w:w="6311" w:type="dxa"/>
        </w:tcPr>
        <w:p w:rsidR="00E55667" w:rsidRDefault="00E55667" w:rsidP="00E55667">
          <w:pPr>
            <w:pStyle w:val="AONormal"/>
          </w:pPr>
          <w:bookmarkStart w:id="42" w:name="bmkOfficeLogoAlternative"/>
          <w:bookmarkEnd w:id="42"/>
        </w:p>
      </w:tc>
      <w:tc>
        <w:tcPr>
          <w:tcW w:w="3323" w:type="dxa"/>
        </w:tcPr>
        <w:p w:rsidR="00E55667" w:rsidRDefault="00E55667" w:rsidP="00E55667">
          <w:pPr>
            <w:pStyle w:val="AONormal"/>
          </w:pPr>
          <w:bookmarkStart w:id="43" w:name="bmkAOLogo"/>
          <w:r>
            <w:rPr>
              <w:noProof/>
              <w:lang w:eastAsia="cs-CZ"/>
            </w:rPr>
            <w:drawing>
              <wp:inline distT="0" distB="0" distL="0" distR="0" wp14:anchorId="1797E5AA" wp14:editId="39527816">
                <wp:extent cx="2094512" cy="152439"/>
                <wp:effectExtent l="0" t="0" r="1270" b="0"/>
                <wp:docPr id="2" name="Picture 2"/>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cstate="print">
                          <a:extLst>
                            <a:ext uri="{28A0092B-C50C-407E-A947-70E740481C1C}">
                              <a14:useLocalDpi xmlns:a14="http://schemas.microsoft.com/office/drawing/2010/main" val="0"/>
                            </a:ext>
                          </a:extLst>
                        </a:blip>
                        <a:stretch>
                          <a:fillRect/>
                        </a:stretch>
                      </pic:blipFill>
                      <pic:spPr>
                        <a:xfrm>
                          <a:off x="0" y="0"/>
                          <a:ext cx="2094512" cy="152439"/>
                        </a:xfrm>
                        <a:prstGeom prst="rect">
                          <a:avLst/>
                        </a:prstGeom>
                      </pic:spPr>
                    </pic:pic>
                  </a:graphicData>
                </a:graphic>
              </wp:inline>
            </w:drawing>
          </w:r>
          <w:bookmarkEnd w:id="43"/>
        </w:p>
      </w:tc>
    </w:tr>
  </w:tbl>
  <w:p w:rsidR="00E55667" w:rsidRPr="00C02AF4" w:rsidRDefault="00E55667" w:rsidP="00C02AF4">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44209E7"/>
    <w:multiLevelType w:val="multilevel"/>
    <w:tmpl w:val="1CB6B832"/>
    <w:name w:val="AOApp"/>
    <w:lvl w:ilvl="0">
      <w:start w:val="1"/>
      <w:numFmt w:val="decimal"/>
      <w:lvlRestart w:val="0"/>
      <w:pStyle w:val="AOAppHead"/>
      <w:suff w:val="nothing"/>
      <w:lvlText w:val="Příloha %1"/>
      <w:lvlJc w:val="left"/>
      <w:pPr>
        <w:tabs>
          <w:tab w:val="num" w:pos="0"/>
        </w:tabs>
        <w:ind w:left="0" w:firstLine="0"/>
      </w:pPr>
      <w:rPr>
        <w:rFonts w:ascii="Times New Roman Bold" w:hAnsi="Times New Roman Bold"/>
      </w:rPr>
    </w:lvl>
    <w:lvl w:ilvl="1">
      <w:start w:val="1"/>
      <w:numFmt w:val="decimal"/>
      <w:pStyle w:val="AOAppPartHead"/>
      <w:suff w:val="nothing"/>
      <w:lvlText w:val="Čás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3"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4" w15:restartNumberingAfterBreak="0">
    <w:nsid w:val="391D542D"/>
    <w:multiLevelType w:val="multilevel"/>
    <w:tmpl w:val="3118B31C"/>
    <w:name w:val="AOTOC67"/>
    <w:lvl w:ilvl="0">
      <w:start w:val="1"/>
      <w:numFmt w:val="decimal"/>
      <w:lvlRestart w:val="0"/>
      <w:pStyle w:val="Obsah6"/>
      <w:lvlText w:val="%1."/>
      <w:lvlJc w:val="left"/>
      <w:pPr>
        <w:tabs>
          <w:tab w:val="num" w:pos="720"/>
        </w:tabs>
        <w:ind w:left="720" w:hanging="720"/>
      </w:pPr>
      <w:rPr>
        <w:rFonts w:ascii="Times New Roman" w:hAnsi="Times New Roman" w:cs="Times New Roman"/>
      </w:rPr>
    </w:lvl>
    <w:lvl w:ilvl="1">
      <w:start w:val="1"/>
      <w:numFmt w:val="decimal"/>
      <w:pStyle w:val="Obsah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5" w15:restartNumberingAfterBreak="0">
    <w:nsid w:val="3D0E7D39"/>
    <w:multiLevelType w:val="multilevel"/>
    <w:tmpl w:val="6C52F174"/>
    <w:name w:val="AOSch"/>
    <w:lvl w:ilvl="0">
      <w:start w:val="1"/>
      <w:numFmt w:val="decimal"/>
      <w:lvlRestart w:val="0"/>
      <w:pStyle w:val="AOSchHead"/>
      <w:suff w:val="nothing"/>
      <w:lvlText w:val="Příloha %1"/>
      <w:lvlJc w:val="left"/>
      <w:pPr>
        <w:tabs>
          <w:tab w:val="num" w:pos="0"/>
        </w:tabs>
        <w:ind w:left="0" w:firstLine="0"/>
      </w:pPr>
      <w:rPr>
        <w:rFonts w:ascii="Times New Roman Bold" w:hAnsi="Times New Roman Bold"/>
      </w:rPr>
    </w:lvl>
    <w:lvl w:ilvl="1">
      <w:start w:val="1"/>
      <w:numFmt w:val="decimal"/>
      <w:pStyle w:val="AOSchPartHead"/>
      <w:suff w:val="nothing"/>
      <w:lvlText w:val="Čás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6"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7"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8"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9" w15:restartNumberingAfterBreak="0">
    <w:nsid w:val="49C66851"/>
    <w:multiLevelType w:val="multilevel"/>
    <w:tmpl w:val="183E57F4"/>
    <w:name w:val="AOAnx"/>
    <w:lvl w:ilvl="0">
      <w:start w:val="1"/>
      <w:numFmt w:val="decimal"/>
      <w:lvlRestart w:val="0"/>
      <w:pStyle w:val="AOAnxHead"/>
      <w:suff w:val="nothing"/>
      <w:lvlText w:val="Příloha %1"/>
      <w:lvlJc w:val="left"/>
      <w:pPr>
        <w:tabs>
          <w:tab w:val="num" w:pos="0"/>
        </w:tabs>
        <w:ind w:left="0" w:firstLine="0"/>
      </w:pPr>
      <w:rPr>
        <w:rFonts w:ascii="Times New Roman Bold" w:hAnsi="Times New Roman Bold"/>
      </w:rPr>
    </w:lvl>
    <w:lvl w:ilvl="1">
      <w:start w:val="1"/>
      <w:numFmt w:val="decimal"/>
      <w:pStyle w:val="AOAnxPartHead"/>
      <w:suff w:val="nothing"/>
      <w:lvlText w:val="Čás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0"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1" w15:restartNumberingAfterBreak="0">
    <w:nsid w:val="4E4B4E3E"/>
    <w:multiLevelType w:val="multilevel"/>
    <w:tmpl w:val="A468C28C"/>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2" w15:restartNumberingAfterBreak="0">
    <w:nsid w:val="511C70D7"/>
    <w:multiLevelType w:val="multilevel"/>
    <w:tmpl w:val="F258D804"/>
    <w:name w:val="AOTOC34"/>
    <w:lvl w:ilvl="0">
      <w:start w:val="1"/>
      <w:numFmt w:val="decimal"/>
      <w:lvlRestart w:val="0"/>
      <w:pStyle w:val="Obsah3"/>
      <w:lvlText w:val="%1."/>
      <w:lvlJc w:val="left"/>
      <w:pPr>
        <w:tabs>
          <w:tab w:val="num" w:pos="720"/>
        </w:tabs>
        <w:ind w:left="720" w:hanging="720"/>
      </w:pPr>
      <w:rPr>
        <w:rFonts w:ascii="Times New Roman" w:hAnsi="Times New Roman" w:cs="Times New Roman"/>
      </w:rPr>
    </w:lvl>
    <w:lvl w:ilvl="1">
      <w:start w:val="1"/>
      <w:numFmt w:val="decimal"/>
      <w:pStyle w:val="Obsah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3"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4" w15:restartNumberingAfterBreak="0">
    <w:nsid w:val="6AA227D0"/>
    <w:multiLevelType w:val="multilevel"/>
    <w:tmpl w:val="8D7090B4"/>
    <w:name w:val="AOTOC89"/>
    <w:lvl w:ilvl="0">
      <w:start w:val="1"/>
      <w:numFmt w:val="decimal"/>
      <w:lvlRestart w:val="0"/>
      <w:pStyle w:val="Obsah8"/>
      <w:lvlText w:val="%1."/>
      <w:lvlJc w:val="left"/>
      <w:pPr>
        <w:tabs>
          <w:tab w:val="num" w:pos="720"/>
        </w:tabs>
        <w:ind w:left="720" w:hanging="720"/>
      </w:pPr>
      <w:rPr>
        <w:rFonts w:ascii="Times New Roman" w:hAnsi="Times New Roman" w:cs="Times New Roman"/>
      </w:rPr>
    </w:lvl>
    <w:lvl w:ilvl="1">
      <w:start w:val="1"/>
      <w:numFmt w:val="decimal"/>
      <w:pStyle w:val="Obsah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5"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16"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17"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10"/>
  </w:num>
  <w:num w:numId="2">
    <w:abstractNumId w:val="13"/>
  </w:num>
  <w:num w:numId="3">
    <w:abstractNumId w:val="11"/>
  </w:num>
  <w:num w:numId="4">
    <w:abstractNumId w:val="0"/>
  </w:num>
  <w:num w:numId="5">
    <w:abstractNumId w:val="9"/>
  </w:num>
  <w:num w:numId="6">
    <w:abstractNumId w:val="5"/>
  </w:num>
  <w:num w:numId="7">
    <w:abstractNumId w:val="15"/>
  </w:num>
  <w:num w:numId="8">
    <w:abstractNumId w:val="3"/>
  </w:num>
  <w:num w:numId="9">
    <w:abstractNumId w:val="2"/>
  </w:num>
  <w:num w:numId="10">
    <w:abstractNumId w:val="16"/>
  </w:num>
  <w:num w:numId="11">
    <w:abstractNumId w:val="7"/>
  </w:num>
  <w:num w:numId="12">
    <w:abstractNumId w:val="17"/>
  </w:num>
  <w:num w:numId="13">
    <w:abstractNumId w:val="6"/>
  </w:num>
  <w:num w:numId="14">
    <w:abstractNumId w:val="8"/>
  </w:num>
  <w:num w:numId="15">
    <w:abstractNumId w:val="12"/>
  </w:num>
  <w:num w:numId="16">
    <w:abstractNumId w:val="4"/>
  </w:num>
  <w:num w:numId="17">
    <w:abstractNumId w:val="14"/>
  </w:num>
  <w:num w:numId="18">
    <w:abstractNumId w:val="1"/>
  </w:num>
  <w:num w:numId="19">
    <w:abstractNumId w:val="3"/>
    <w:lvlOverride w:ilvl="0">
      <w:startOverride w:val="1"/>
    </w:lvlOverride>
  </w:num>
  <w:num w:numId="20">
    <w:abstractNumId w:val="3"/>
    <w:lvlOverride w:ilvl="0">
      <w:startOverride w:val="1"/>
    </w:lvlOverride>
  </w:num>
  <w:num w:numId="21">
    <w:abstractNumId w:val="3"/>
    <w:lvlOverride w:ilvl="0">
      <w:startOverride w:val="1"/>
    </w:lvlOverride>
  </w:num>
  <w:num w:numId="22">
    <w:abstractNumId w:val="3"/>
    <w:lvlOverride w:ilvl="0">
      <w:startOverride w:val="1"/>
    </w:lvlOverride>
  </w:num>
  <w:num w:numId="2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24"/>
  <w:proofState w:spelling="clean" w:grammar="clean"/>
  <w:defaultTabStop w:val="720"/>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B5D43"/>
    <w:rsid w:val="0000480A"/>
    <w:rsid w:val="000051EB"/>
    <w:rsid w:val="0000612A"/>
    <w:rsid w:val="00007E22"/>
    <w:rsid w:val="000119EA"/>
    <w:rsid w:val="00011FF4"/>
    <w:rsid w:val="000148D3"/>
    <w:rsid w:val="0002458D"/>
    <w:rsid w:val="0002572A"/>
    <w:rsid w:val="0002702D"/>
    <w:rsid w:val="00027252"/>
    <w:rsid w:val="0003267E"/>
    <w:rsid w:val="000370EA"/>
    <w:rsid w:val="000406DF"/>
    <w:rsid w:val="00053C5D"/>
    <w:rsid w:val="00056D49"/>
    <w:rsid w:val="00057BBF"/>
    <w:rsid w:val="00061060"/>
    <w:rsid w:val="00070144"/>
    <w:rsid w:val="00071EC3"/>
    <w:rsid w:val="00072653"/>
    <w:rsid w:val="000753DE"/>
    <w:rsid w:val="0008340C"/>
    <w:rsid w:val="00083B55"/>
    <w:rsid w:val="00090AD2"/>
    <w:rsid w:val="000A31FC"/>
    <w:rsid w:val="000A5E76"/>
    <w:rsid w:val="000A60CF"/>
    <w:rsid w:val="000B107E"/>
    <w:rsid w:val="000B16A4"/>
    <w:rsid w:val="000B35FC"/>
    <w:rsid w:val="000B515B"/>
    <w:rsid w:val="000B51C8"/>
    <w:rsid w:val="000B5D65"/>
    <w:rsid w:val="000D76E0"/>
    <w:rsid w:val="000E0525"/>
    <w:rsid w:val="000F66CB"/>
    <w:rsid w:val="000F7096"/>
    <w:rsid w:val="000F7A71"/>
    <w:rsid w:val="00121596"/>
    <w:rsid w:val="00124D6A"/>
    <w:rsid w:val="001274C2"/>
    <w:rsid w:val="00127711"/>
    <w:rsid w:val="00130686"/>
    <w:rsid w:val="00132622"/>
    <w:rsid w:val="00132E65"/>
    <w:rsid w:val="00144299"/>
    <w:rsid w:val="00145DE2"/>
    <w:rsid w:val="0015067D"/>
    <w:rsid w:val="00150EEC"/>
    <w:rsid w:val="00155C2D"/>
    <w:rsid w:val="00160BEE"/>
    <w:rsid w:val="00160F99"/>
    <w:rsid w:val="00182418"/>
    <w:rsid w:val="001833A5"/>
    <w:rsid w:val="001930FB"/>
    <w:rsid w:val="00193459"/>
    <w:rsid w:val="001A09BF"/>
    <w:rsid w:val="001A0DE8"/>
    <w:rsid w:val="001A3201"/>
    <w:rsid w:val="001A3B67"/>
    <w:rsid w:val="001A73C3"/>
    <w:rsid w:val="001B0A27"/>
    <w:rsid w:val="001B1222"/>
    <w:rsid w:val="001C2A6E"/>
    <w:rsid w:val="001C405C"/>
    <w:rsid w:val="001C5378"/>
    <w:rsid w:val="001E52D0"/>
    <w:rsid w:val="001F28C3"/>
    <w:rsid w:val="001F6458"/>
    <w:rsid w:val="00204784"/>
    <w:rsid w:val="002047EF"/>
    <w:rsid w:val="00204950"/>
    <w:rsid w:val="00204A06"/>
    <w:rsid w:val="00212921"/>
    <w:rsid w:val="00214F09"/>
    <w:rsid w:val="002229DE"/>
    <w:rsid w:val="00231538"/>
    <w:rsid w:val="00231614"/>
    <w:rsid w:val="0023624A"/>
    <w:rsid w:val="00240445"/>
    <w:rsid w:val="002465CB"/>
    <w:rsid w:val="00247D7F"/>
    <w:rsid w:val="00250D19"/>
    <w:rsid w:val="002529E8"/>
    <w:rsid w:val="00252AD2"/>
    <w:rsid w:val="00253BE3"/>
    <w:rsid w:val="00253F22"/>
    <w:rsid w:val="00254016"/>
    <w:rsid w:val="002624CA"/>
    <w:rsid w:val="00265875"/>
    <w:rsid w:val="00270D1F"/>
    <w:rsid w:val="0027317B"/>
    <w:rsid w:val="00280992"/>
    <w:rsid w:val="002857D5"/>
    <w:rsid w:val="00290B7C"/>
    <w:rsid w:val="00293FFA"/>
    <w:rsid w:val="002959E2"/>
    <w:rsid w:val="00295EAB"/>
    <w:rsid w:val="002968D9"/>
    <w:rsid w:val="00297CD2"/>
    <w:rsid w:val="002A189C"/>
    <w:rsid w:val="002A6BAF"/>
    <w:rsid w:val="002B4DA7"/>
    <w:rsid w:val="002C0B8D"/>
    <w:rsid w:val="002C47D6"/>
    <w:rsid w:val="002C71F2"/>
    <w:rsid w:val="002C7D0F"/>
    <w:rsid w:val="002D6339"/>
    <w:rsid w:val="002E0360"/>
    <w:rsid w:val="002E1DDF"/>
    <w:rsid w:val="002E37A1"/>
    <w:rsid w:val="002E4402"/>
    <w:rsid w:val="002F387C"/>
    <w:rsid w:val="00301D27"/>
    <w:rsid w:val="0030274B"/>
    <w:rsid w:val="00311765"/>
    <w:rsid w:val="00320199"/>
    <w:rsid w:val="003252B1"/>
    <w:rsid w:val="00325881"/>
    <w:rsid w:val="003316CE"/>
    <w:rsid w:val="00331833"/>
    <w:rsid w:val="0033259F"/>
    <w:rsid w:val="003417F6"/>
    <w:rsid w:val="00346CCE"/>
    <w:rsid w:val="0034761C"/>
    <w:rsid w:val="00350A08"/>
    <w:rsid w:val="00355ECA"/>
    <w:rsid w:val="003572A0"/>
    <w:rsid w:val="00357FF5"/>
    <w:rsid w:val="00360E1F"/>
    <w:rsid w:val="003646E9"/>
    <w:rsid w:val="0036703A"/>
    <w:rsid w:val="00371B87"/>
    <w:rsid w:val="00377E59"/>
    <w:rsid w:val="0038368A"/>
    <w:rsid w:val="00384E4B"/>
    <w:rsid w:val="00395D5A"/>
    <w:rsid w:val="003965DA"/>
    <w:rsid w:val="003A1526"/>
    <w:rsid w:val="003B17CC"/>
    <w:rsid w:val="003B2077"/>
    <w:rsid w:val="003B3C37"/>
    <w:rsid w:val="003B4996"/>
    <w:rsid w:val="003B7084"/>
    <w:rsid w:val="003C0FFE"/>
    <w:rsid w:val="003C36A7"/>
    <w:rsid w:val="003C3B3E"/>
    <w:rsid w:val="003C4DD1"/>
    <w:rsid w:val="003D5A51"/>
    <w:rsid w:val="003D7A38"/>
    <w:rsid w:val="003E58B9"/>
    <w:rsid w:val="003F108F"/>
    <w:rsid w:val="00407454"/>
    <w:rsid w:val="00410182"/>
    <w:rsid w:val="004104C4"/>
    <w:rsid w:val="004118FC"/>
    <w:rsid w:val="00411DEA"/>
    <w:rsid w:val="00412108"/>
    <w:rsid w:val="004143D0"/>
    <w:rsid w:val="00416A69"/>
    <w:rsid w:val="00420A63"/>
    <w:rsid w:val="00425BD4"/>
    <w:rsid w:val="00426A93"/>
    <w:rsid w:val="0043003F"/>
    <w:rsid w:val="0043675F"/>
    <w:rsid w:val="004408C0"/>
    <w:rsid w:val="00441D71"/>
    <w:rsid w:val="00443776"/>
    <w:rsid w:val="00445293"/>
    <w:rsid w:val="00446CA8"/>
    <w:rsid w:val="00451873"/>
    <w:rsid w:val="00452DCF"/>
    <w:rsid w:val="0045334E"/>
    <w:rsid w:val="00460C15"/>
    <w:rsid w:val="0046202E"/>
    <w:rsid w:val="00465E7C"/>
    <w:rsid w:val="00470832"/>
    <w:rsid w:val="00470C5F"/>
    <w:rsid w:val="00484EC2"/>
    <w:rsid w:val="00491E65"/>
    <w:rsid w:val="00492A98"/>
    <w:rsid w:val="00495F84"/>
    <w:rsid w:val="004A0113"/>
    <w:rsid w:val="004A075A"/>
    <w:rsid w:val="004A1680"/>
    <w:rsid w:val="004A3971"/>
    <w:rsid w:val="004A7278"/>
    <w:rsid w:val="004B194D"/>
    <w:rsid w:val="004B1FE5"/>
    <w:rsid w:val="004B2717"/>
    <w:rsid w:val="004B35FD"/>
    <w:rsid w:val="004B6BF3"/>
    <w:rsid w:val="004C1B17"/>
    <w:rsid w:val="004C3EC5"/>
    <w:rsid w:val="004C5536"/>
    <w:rsid w:val="004C7BB3"/>
    <w:rsid w:val="004D1DA9"/>
    <w:rsid w:val="004D2510"/>
    <w:rsid w:val="004D51C5"/>
    <w:rsid w:val="004F4363"/>
    <w:rsid w:val="005044CB"/>
    <w:rsid w:val="00513513"/>
    <w:rsid w:val="00514E74"/>
    <w:rsid w:val="005229B4"/>
    <w:rsid w:val="0052736E"/>
    <w:rsid w:val="00542C2A"/>
    <w:rsid w:val="00545C23"/>
    <w:rsid w:val="00554449"/>
    <w:rsid w:val="00554D92"/>
    <w:rsid w:val="005553E5"/>
    <w:rsid w:val="00557017"/>
    <w:rsid w:val="00564C70"/>
    <w:rsid w:val="00564F29"/>
    <w:rsid w:val="00576B89"/>
    <w:rsid w:val="005839FF"/>
    <w:rsid w:val="005851F2"/>
    <w:rsid w:val="005857DB"/>
    <w:rsid w:val="00591388"/>
    <w:rsid w:val="00591F75"/>
    <w:rsid w:val="005934BF"/>
    <w:rsid w:val="00596FDB"/>
    <w:rsid w:val="00597DC7"/>
    <w:rsid w:val="005A2787"/>
    <w:rsid w:val="005A5CA8"/>
    <w:rsid w:val="005B5348"/>
    <w:rsid w:val="005B7969"/>
    <w:rsid w:val="005C08B8"/>
    <w:rsid w:val="005C3924"/>
    <w:rsid w:val="005C469C"/>
    <w:rsid w:val="005C5326"/>
    <w:rsid w:val="005C66AD"/>
    <w:rsid w:val="005D023D"/>
    <w:rsid w:val="005D4227"/>
    <w:rsid w:val="005E0204"/>
    <w:rsid w:val="005E05EF"/>
    <w:rsid w:val="005E1241"/>
    <w:rsid w:val="005E1446"/>
    <w:rsid w:val="005E3B77"/>
    <w:rsid w:val="005E3D37"/>
    <w:rsid w:val="005E437C"/>
    <w:rsid w:val="005E43CD"/>
    <w:rsid w:val="006026B1"/>
    <w:rsid w:val="0060788B"/>
    <w:rsid w:val="006102E6"/>
    <w:rsid w:val="00612A86"/>
    <w:rsid w:val="00613A13"/>
    <w:rsid w:val="006155BD"/>
    <w:rsid w:val="00622A66"/>
    <w:rsid w:val="006267B9"/>
    <w:rsid w:val="00631603"/>
    <w:rsid w:val="00633653"/>
    <w:rsid w:val="00640CA5"/>
    <w:rsid w:val="00640E36"/>
    <w:rsid w:val="00644823"/>
    <w:rsid w:val="0064767C"/>
    <w:rsid w:val="00650898"/>
    <w:rsid w:val="006529A8"/>
    <w:rsid w:val="0066116F"/>
    <w:rsid w:val="00663BEA"/>
    <w:rsid w:val="00666D86"/>
    <w:rsid w:val="00667D55"/>
    <w:rsid w:val="00671C18"/>
    <w:rsid w:val="006729D9"/>
    <w:rsid w:val="00672F76"/>
    <w:rsid w:val="0068412E"/>
    <w:rsid w:val="0069542F"/>
    <w:rsid w:val="006A600E"/>
    <w:rsid w:val="006A620C"/>
    <w:rsid w:val="006B24C0"/>
    <w:rsid w:val="006B4201"/>
    <w:rsid w:val="006B7FD9"/>
    <w:rsid w:val="006C77C4"/>
    <w:rsid w:val="006D3534"/>
    <w:rsid w:val="006D3B92"/>
    <w:rsid w:val="006D718B"/>
    <w:rsid w:val="006E1DD0"/>
    <w:rsid w:val="006E7EA5"/>
    <w:rsid w:val="006F28E5"/>
    <w:rsid w:val="006F3469"/>
    <w:rsid w:val="0070428B"/>
    <w:rsid w:val="00713334"/>
    <w:rsid w:val="007153E6"/>
    <w:rsid w:val="0071614F"/>
    <w:rsid w:val="00723712"/>
    <w:rsid w:val="0072575B"/>
    <w:rsid w:val="007327C5"/>
    <w:rsid w:val="007329E7"/>
    <w:rsid w:val="0073473A"/>
    <w:rsid w:val="00735328"/>
    <w:rsid w:val="007459F5"/>
    <w:rsid w:val="00756CBA"/>
    <w:rsid w:val="00756D2E"/>
    <w:rsid w:val="00760540"/>
    <w:rsid w:val="007633B9"/>
    <w:rsid w:val="007664EB"/>
    <w:rsid w:val="00766B02"/>
    <w:rsid w:val="00767FFE"/>
    <w:rsid w:val="00776D2B"/>
    <w:rsid w:val="00782041"/>
    <w:rsid w:val="00782EFD"/>
    <w:rsid w:val="007841CA"/>
    <w:rsid w:val="00787854"/>
    <w:rsid w:val="00795C6C"/>
    <w:rsid w:val="007966C5"/>
    <w:rsid w:val="007A598B"/>
    <w:rsid w:val="007B03B8"/>
    <w:rsid w:val="007B17D5"/>
    <w:rsid w:val="007C2EF6"/>
    <w:rsid w:val="007C5F25"/>
    <w:rsid w:val="007D0A4E"/>
    <w:rsid w:val="007E3B91"/>
    <w:rsid w:val="007E3F84"/>
    <w:rsid w:val="007F16E4"/>
    <w:rsid w:val="007F258D"/>
    <w:rsid w:val="007F5583"/>
    <w:rsid w:val="007F612E"/>
    <w:rsid w:val="00802513"/>
    <w:rsid w:val="00805DD1"/>
    <w:rsid w:val="008101B1"/>
    <w:rsid w:val="00810323"/>
    <w:rsid w:val="008109E5"/>
    <w:rsid w:val="00813C87"/>
    <w:rsid w:val="00823F36"/>
    <w:rsid w:val="00825D1E"/>
    <w:rsid w:val="008266F0"/>
    <w:rsid w:val="00832E8A"/>
    <w:rsid w:val="00841B86"/>
    <w:rsid w:val="00844863"/>
    <w:rsid w:val="008452B6"/>
    <w:rsid w:val="00847A80"/>
    <w:rsid w:val="00854D67"/>
    <w:rsid w:val="0085699D"/>
    <w:rsid w:val="00860FF2"/>
    <w:rsid w:val="00864916"/>
    <w:rsid w:val="00870297"/>
    <w:rsid w:val="0087235F"/>
    <w:rsid w:val="00873A01"/>
    <w:rsid w:val="00874C2E"/>
    <w:rsid w:val="008759D1"/>
    <w:rsid w:val="00876D56"/>
    <w:rsid w:val="00881377"/>
    <w:rsid w:val="00890EC0"/>
    <w:rsid w:val="00896A40"/>
    <w:rsid w:val="008A46F3"/>
    <w:rsid w:val="008A5F2A"/>
    <w:rsid w:val="008B1C48"/>
    <w:rsid w:val="008B2F00"/>
    <w:rsid w:val="008B7953"/>
    <w:rsid w:val="008D682B"/>
    <w:rsid w:val="008E47E7"/>
    <w:rsid w:val="008F5DCF"/>
    <w:rsid w:val="00900F85"/>
    <w:rsid w:val="00902D57"/>
    <w:rsid w:val="009059EF"/>
    <w:rsid w:val="00906E06"/>
    <w:rsid w:val="00910A3D"/>
    <w:rsid w:val="00911E5A"/>
    <w:rsid w:val="0091760F"/>
    <w:rsid w:val="00924FF0"/>
    <w:rsid w:val="00927D27"/>
    <w:rsid w:val="009422FE"/>
    <w:rsid w:val="009429BA"/>
    <w:rsid w:val="0095070E"/>
    <w:rsid w:val="00952980"/>
    <w:rsid w:val="00957EE0"/>
    <w:rsid w:val="00961D52"/>
    <w:rsid w:val="00963B4F"/>
    <w:rsid w:val="00963F90"/>
    <w:rsid w:val="009741D1"/>
    <w:rsid w:val="00974F3F"/>
    <w:rsid w:val="009806F0"/>
    <w:rsid w:val="00985CC0"/>
    <w:rsid w:val="009875DA"/>
    <w:rsid w:val="009A53BD"/>
    <w:rsid w:val="009A6A5E"/>
    <w:rsid w:val="009B1E38"/>
    <w:rsid w:val="009B28EA"/>
    <w:rsid w:val="009B5D43"/>
    <w:rsid w:val="009C3847"/>
    <w:rsid w:val="009C732F"/>
    <w:rsid w:val="009D4440"/>
    <w:rsid w:val="009D4872"/>
    <w:rsid w:val="009D7578"/>
    <w:rsid w:val="009E2009"/>
    <w:rsid w:val="00A02001"/>
    <w:rsid w:val="00A0475D"/>
    <w:rsid w:val="00A10CD3"/>
    <w:rsid w:val="00A11093"/>
    <w:rsid w:val="00A11202"/>
    <w:rsid w:val="00A25DE7"/>
    <w:rsid w:val="00A3185A"/>
    <w:rsid w:val="00A323FC"/>
    <w:rsid w:val="00A35E8F"/>
    <w:rsid w:val="00A36F1F"/>
    <w:rsid w:val="00A40EB1"/>
    <w:rsid w:val="00A4229C"/>
    <w:rsid w:val="00A45B84"/>
    <w:rsid w:val="00A542A1"/>
    <w:rsid w:val="00A613E9"/>
    <w:rsid w:val="00A61989"/>
    <w:rsid w:val="00A64C9F"/>
    <w:rsid w:val="00A65976"/>
    <w:rsid w:val="00A67F02"/>
    <w:rsid w:val="00A70DD9"/>
    <w:rsid w:val="00A72EBA"/>
    <w:rsid w:val="00A767E3"/>
    <w:rsid w:val="00A8359D"/>
    <w:rsid w:val="00A87F2D"/>
    <w:rsid w:val="00A931CE"/>
    <w:rsid w:val="00A96094"/>
    <w:rsid w:val="00A96A81"/>
    <w:rsid w:val="00AB4F05"/>
    <w:rsid w:val="00AB73E9"/>
    <w:rsid w:val="00AC027B"/>
    <w:rsid w:val="00AC03C0"/>
    <w:rsid w:val="00AC12C9"/>
    <w:rsid w:val="00AC3219"/>
    <w:rsid w:val="00AC640C"/>
    <w:rsid w:val="00AC7DF6"/>
    <w:rsid w:val="00AD1BA3"/>
    <w:rsid w:val="00AD3AA3"/>
    <w:rsid w:val="00AE100E"/>
    <w:rsid w:val="00AE516C"/>
    <w:rsid w:val="00AF181C"/>
    <w:rsid w:val="00AF40DC"/>
    <w:rsid w:val="00AF5865"/>
    <w:rsid w:val="00AF5876"/>
    <w:rsid w:val="00B13832"/>
    <w:rsid w:val="00B13CDF"/>
    <w:rsid w:val="00B15FDC"/>
    <w:rsid w:val="00B20DFA"/>
    <w:rsid w:val="00B25DB0"/>
    <w:rsid w:val="00B31AF1"/>
    <w:rsid w:val="00B31F40"/>
    <w:rsid w:val="00B351CE"/>
    <w:rsid w:val="00B378A2"/>
    <w:rsid w:val="00B4019A"/>
    <w:rsid w:val="00B513FA"/>
    <w:rsid w:val="00B51A79"/>
    <w:rsid w:val="00B52A49"/>
    <w:rsid w:val="00B54C56"/>
    <w:rsid w:val="00B56F65"/>
    <w:rsid w:val="00B721BD"/>
    <w:rsid w:val="00B73651"/>
    <w:rsid w:val="00B777F8"/>
    <w:rsid w:val="00B81AA4"/>
    <w:rsid w:val="00B90C21"/>
    <w:rsid w:val="00BA1E69"/>
    <w:rsid w:val="00BA3906"/>
    <w:rsid w:val="00BA6165"/>
    <w:rsid w:val="00BB1C50"/>
    <w:rsid w:val="00BB4A35"/>
    <w:rsid w:val="00BC0E3B"/>
    <w:rsid w:val="00BC3399"/>
    <w:rsid w:val="00BC54B0"/>
    <w:rsid w:val="00BD0BA3"/>
    <w:rsid w:val="00BD4EC2"/>
    <w:rsid w:val="00BD4EF7"/>
    <w:rsid w:val="00BE2267"/>
    <w:rsid w:val="00BF602B"/>
    <w:rsid w:val="00C01DF1"/>
    <w:rsid w:val="00C02AF4"/>
    <w:rsid w:val="00C07382"/>
    <w:rsid w:val="00C1013A"/>
    <w:rsid w:val="00C148B6"/>
    <w:rsid w:val="00C22835"/>
    <w:rsid w:val="00C23F89"/>
    <w:rsid w:val="00C24DD7"/>
    <w:rsid w:val="00C2583B"/>
    <w:rsid w:val="00C35D57"/>
    <w:rsid w:val="00C5103C"/>
    <w:rsid w:val="00C52E52"/>
    <w:rsid w:val="00C60189"/>
    <w:rsid w:val="00C60F41"/>
    <w:rsid w:val="00C63FCF"/>
    <w:rsid w:val="00C6474B"/>
    <w:rsid w:val="00C65BCF"/>
    <w:rsid w:val="00C70650"/>
    <w:rsid w:val="00C71552"/>
    <w:rsid w:val="00C76F6B"/>
    <w:rsid w:val="00C77438"/>
    <w:rsid w:val="00C83D27"/>
    <w:rsid w:val="00C84BCA"/>
    <w:rsid w:val="00C90CA6"/>
    <w:rsid w:val="00CA1D46"/>
    <w:rsid w:val="00CA7430"/>
    <w:rsid w:val="00CB3AF9"/>
    <w:rsid w:val="00CB3B1F"/>
    <w:rsid w:val="00CB5307"/>
    <w:rsid w:val="00CB7D06"/>
    <w:rsid w:val="00CB7D8B"/>
    <w:rsid w:val="00CD272A"/>
    <w:rsid w:val="00CD29EC"/>
    <w:rsid w:val="00CF3C7D"/>
    <w:rsid w:val="00D00C03"/>
    <w:rsid w:val="00D011F2"/>
    <w:rsid w:val="00D06694"/>
    <w:rsid w:val="00D07A94"/>
    <w:rsid w:val="00D10180"/>
    <w:rsid w:val="00D12D39"/>
    <w:rsid w:val="00D153EE"/>
    <w:rsid w:val="00D209C2"/>
    <w:rsid w:val="00D3580D"/>
    <w:rsid w:val="00D378D9"/>
    <w:rsid w:val="00D40107"/>
    <w:rsid w:val="00D57126"/>
    <w:rsid w:val="00D57627"/>
    <w:rsid w:val="00D66249"/>
    <w:rsid w:val="00D739AD"/>
    <w:rsid w:val="00D857A5"/>
    <w:rsid w:val="00D9534F"/>
    <w:rsid w:val="00DA5583"/>
    <w:rsid w:val="00DA5DE3"/>
    <w:rsid w:val="00DB45A4"/>
    <w:rsid w:val="00DC7701"/>
    <w:rsid w:val="00DD0176"/>
    <w:rsid w:val="00DD0D9F"/>
    <w:rsid w:val="00DD37AB"/>
    <w:rsid w:val="00DD4A47"/>
    <w:rsid w:val="00DD7C0E"/>
    <w:rsid w:val="00DE0DFC"/>
    <w:rsid w:val="00DE52EB"/>
    <w:rsid w:val="00DE5701"/>
    <w:rsid w:val="00E010CC"/>
    <w:rsid w:val="00E02D76"/>
    <w:rsid w:val="00E03E1A"/>
    <w:rsid w:val="00E078FB"/>
    <w:rsid w:val="00E1272A"/>
    <w:rsid w:val="00E13203"/>
    <w:rsid w:val="00E134A2"/>
    <w:rsid w:val="00E171BC"/>
    <w:rsid w:val="00E21295"/>
    <w:rsid w:val="00E21428"/>
    <w:rsid w:val="00E26237"/>
    <w:rsid w:val="00E26403"/>
    <w:rsid w:val="00E30494"/>
    <w:rsid w:val="00E341B0"/>
    <w:rsid w:val="00E36F8D"/>
    <w:rsid w:val="00E414AE"/>
    <w:rsid w:val="00E437D4"/>
    <w:rsid w:val="00E4696E"/>
    <w:rsid w:val="00E55667"/>
    <w:rsid w:val="00E5666D"/>
    <w:rsid w:val="00E57FC1"/>
    <w:rsid w:val="00E765AE"/>
    <w:rsid w:val="00E76FD5"/>
    <w:rsid w:val="00E831CB"/>
    <w:rsid w:val="00E868CE"/>
    <w:rsid w:val="00E900D2"/>
    <w:rsid w:val="00E90DA7"/>
    <w:rsid w:val="00E931BF"/>
    <w:rsid w:val="00E945DC"/>
    <w:rsid w:val="00EA179B"/>
    <w:rsid w:val="00EA6600"/>
    <w:rsid w:val="00EB3BD6"/>
    <w:rsid w:val="00EC530D"/>
    <w:rsid w:val="00EC70BF"/>
    <w:rsid w:val="00ED1F3C"/>
    <w:rsid w:val="00ED3255"/>
    <w:rsid w:val="00ED43E4"/>
    <w:rsid w:val="00EF08CC"/>
    <w:rsid w:val="00F01C04"/>
    <w:rsid w:val="00F01DE6"/>
    <w:rsid w:val="00F02092"/>
    <w:rsid w:val="00F04144"/>
    <w:rsid w:val="00F0608D"/>
    <w:rsid w:val="00F1491B"/>
    <w:rsid w:val="00F17EC2"/>
    <w:rsid w:val="00F20157"/>
    <w:rsid w:val="00F22434"/>
    <w:rsid w:val="00F266A5"/>
    <w:rsid w:val="00F27041"/>
    <w:rsid w:val="00F40B9F"/>
    <w:rsid w:val="00F40FB1"/>
    <w:rsid w:val="00F429E6"/>
    <w:rsid w:val="00F43E1B"/>
    <w:rsid w:val="00F46668"/>
    <w:rsid w:val="00F50B73"/>
    <w:rsid w:val="00F51F9B"/>
    <w:rsid w:val="00F565EC"/>
    <w:rsid w:val="00F56AE1"/>
    <w:rsid w:val="00F573A0"/>
    <w:rsid w:val="00F63D74"/>
    <w:rsid w:val="00F700AC"/>
    <w:rsid w:val="00F700CB"/>
    <w:rsid w:val="00F72637"/>
    <w:rsid w:val="00F74B3D"/>
    <w:rsid w:val="00F879A4"/>
    <w:rsid w:val="00F9091F"/>
    <w:rsid w:val="00FA411C"/>
    <w:rsid w:val="00FB019B"/>
    <w:rsid w:val="00FB38EE"/>
    <w:rsid w:val="00FB5418"/>
    <w:rsid w:val="00FB67FF"/>
    <w:rsid w:val="00FC06F9"/>
    <w:rsid w:val="00FC5250"/>
    <w:rsid w:val="00FC7C65"/>
    <w:rsid w:val="00FD1F03"/>
    <w:rsid w:val="00FD345B"/>
    <w:rsid w:val="00FE1BE1"/>
    <w:rsid w:val="00FE3463"/>
    <w:rsid w:val="00FE3B95"/>
    <w:rsid w:val="00FF309B"/>
  </w:rsids>
  <m:mathPr>
    <m:mathFont m:val="Cambria Math"/>
    <m:brkBin m:val="before"/>
    <m:brkBinSub m:val="--"/>
    <m:smallFrac m:val="0"/>
    <m:dispDef/>
    <m:lMargin m:val="0"/>
    <m:rMargin m:val="0"/>
    <m:defJc m:val="centerGroup"/>
    <m:wrapIndent m:val="1440"/>
    <m:intLim m:val="subSup"/>
    <m:naryLim m:val="undOvr"/>
  </m:mathPr>
  <w:themeFontLang w:val="en-GB" w:eastAsia="ko-KR"/>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5FE75B0"/>
  <w15:docId w15:val="{5BF2C06B-031A-4AC8-9622-D3EB65A025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5">
    <w:lsdException w:name="Normal" w:uiPriority="0"/>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Web 1" w:semiHidden="1" w:unhideWhenUsed="1"/>
    <w:lsdException w:name="Table Web 2"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ln">
    <w:name w:val="Normal"/>
    <w:next w:val="AONormal"/>
    <w:rsid w:val="006A600E"/>
    <w:pPr>
      <w:spacing w:line="240" w:lineRule="auto"/>
    </w:pPr>
    <w:rPr>
      <w:rFonts w:cs="Times New Roman"/>
      <w:lang w:val="cs-CZ"/>
    </w:rPr>
  </w:style>
  <w:style w:type="paragraph" w:styleId="Nadpis1">
    <w:name w:val="heading 1"/>
    <w:basedOn w:val="AOHeadings"/>
    <w:next w:val="AODocTxt"/>
    <w:link w:val="Nadpis1Char"/>
    <w:uiPriority w:val="9"/>
    <w:qFormat/>
    <w:rsid w:val="004D2510"/>
    <w:pPr>
      <w:keepNext/>
      <w:outlineLvl w:val="0"/>
    </w:pPr>
    <w:rPr>
      <w:rFonts w:eastAsia="Times New Roman"/>
      <w:b/>
      <w:bCs/>
      <w:caps/>
      <w:szCs w:val="28"/>
    </w:rPr>
  </w:style>
  <w:style w:type="paragraph" w:styleId="Nadpis2">
    <w:name w:val="heading 2"/>
    <w:basedOn w:val="AOHeadings"/>
    <w:next w:val="AODocTxt"/>
    <w:link w:val="Nadpis2Char"/>
    <w:uiPriority w:val="9"/>
    <w:semiHidden/>
    <w:unhideWhenUsed/>
    <w:qFormat/>
    <w:rsid w:val="004D2510"/>
    <w:pPr>
      <w:keepNext/>
      <w:outlineLvl w:val="1"/>
    </w:pPr>
    <w:rPr>
      <w:rFonts w:eastAsia="Times New Roman"/>
      <w:b/>
      <w:bCs/>
      <w:szCs w:val="26"/>
    </w:rPr>
  </w:style>
  <w:style w:type="paragraph" w:styleId="Nadpis3">
    <w:name w:val="heading 3"/>
    <w:basedOn w:val="AOHeadings"/>
    <w:next w:val="AODocTxt"/>
    <w:link w:val="Nadpis3Char"/>
    <w:uiPriority w:val="9"/>
    <w:semiHidden/>
    <w:unhideWhenUsed/>
    <w:qFormat/>
    <w:rsid w:val="004D2510"/>
    <w:pPr>
      <w:outlineLvl w:val="2"/>
    </w:pPr>
    <w:rPr>
      <w:rFonts w:eastAsia="Times New Roman"/>
      <w:bCs/>
    </w:rPr>
  </w:style>
  <w:style w:type="paragraph" w:styleId="Nadpis4">
    <w:name w:val="heading 4"/>
    <w:basedOn w:val="AOHeadings"/>
    <w:next w:val="AODocTxt"/>
    <w:link w:val="Nadpis4Char"/>
    <w:uiPriority w:val="9"/>
    <w:semiHidden/>
    <w:unhideWhenUsed/>
    <w:qFormat/>
    <w:rsid w:val="004D2510"/>
    <w:pPr>
      <w:outlineLvl w:val="3"/>
    </w:pPr>
    <w:rPr>
      <w:rFonts w:eastAsia="Times New Roman"/>
      <w:bCs/>
      <w:iCs/>
    </w:rPr>
  </w:style>
  <w:style w:type="paragraph" w:styleId="Nadpis5">
    <w:name w:val="heading 5"/>
    <w:basedOn w:val="AOHeadings"/>
    <w:next w:val="AODocTxt"/>
    <w:link w:val="Nadpis5Char"/>
    <w:uiPriority w:val="9"/>
    <w:semiHidden/>
    <w:unhideWhenUsed/>
    <w:qFormat/>
    <w:rsid w:val="004D2510"/>
    <w:pPr>
      <w:outlineLvl w:val="4"/>
    </w:pPr>
    <w:rPr>
      <w:rFonts w:eastAsia="Times New Roman"/>
    </w:rPr>
  </w:style>
  <w:style w:type="paragraph" w:styleId="Nadpis6">
    <w:name w:val="heading 6"/>
    <w:basedOn w:val="AOHeadings"/>
    <w:next w:val="AODocTxt"/>
    <w:link w:val="Nadpis6Char"/>
    <w:uiPriority w:val="9"/>
    <w:semiHidden/>
    <w:unhideWhenUsed/>
    <w:qFormat/>
    <w:rsid w:val="004D2510"/>
    <w:pPr>
      <w:outlineLvl w:val="5"/>
    </w:pPr>
    <w:rPr>
      <w:rFonts w:eastAsia="Times New Roman"/>
      <w:iCs/>
    </w:rPr>
  </w:style>
  <w:style w:type="paragraph" w:styleId="Nadpis7">
    <w:name w:val="heading 7"/>
    <w:basedOn w:val="AOHeadings"/>
    <w:next w:val="AODocTxt"/>
    <w:link w:val="Nadpis7Char"/>
    <w:uiPriority w:val="9"/>
    <w:semiHidden/>
    <w:unhideWhenUsed/>
    <w:qFormat/>
    <w:rsid w:val="004D2510"/>
    <w:pPr>
      <w:outlineLvl w:val="6"/>
    </w:pPr>
    <w:rPr>
      <w:rFonts w:eastAsia="Times New Roman"/>
      <w:iCs/>
    </w:rPr>
  </w:style>
  <w:style w:type="paragraph" w:styleId="Nadpis8">
    <w:name w:val="heading 8"/>
    <w:basedOn w:val="AOHeadings"/>
    <w:next w:val="AODocTxt"/>
    <w:link w:val="Nadpis8Char"/>
    <w:uiPriority w:val="9"/>
    <w:semiHidden/>
    <w:unhideWhenUsed/>
    <w:qFormat/>
    <w:rsid w:val="004D2510"/>
    <w:pPr>
      <w:outlineLvl w:val="7"/>
    </w:pPr>
    <w:rPr>
      <w:rFonts w:eastAsia="Times New Roman"/>
      <w:szCs w:val="20"/>
    </w:rPr>
  </w:style>
  <w:style w:type="paragraph" w:styleId="Nadpis9">
    <w:name w:val="heading 9"/>
    <w:basedOn w:val="AOHeadings"/>
    <w:next w:val="AODocTxt"/>
    <w:link w:val="Nadpis9Char"/>
    <w:uiPriority w:val="9"/>
    <w:semiHidden/>
    <w:qFormat/>
    <w:rsid w:val="004D2510"/>
    <w:pPr>
      <w:outlineLvl w:val="8"/>
    </w:pPr>
    <w:rPr>
      <w:rFonts w:eastAsia="Times New Roman"/>
      <w:iCs/>
      <w:szCs w:val="20"/>
    </w:rPr>
  </w:style>
  <w:style w:type="character" w:default="1" w:styleId="Standardnpsmoodstavce">
    <w:name w:val="Default Paragraph Font"/>
    <w:uiPriority w:val="1"/>
    <w:semiHidden/>
    <w:unhideWhenUsed/>
  </w:style>
  <w:style w:type="table" w:default="1" w:styleId="Normlntabulka">
    <w:name w:val="Normal Table"/>
    <w:uiPriority w:val="99"/>
    <w:semiHidden/>
    <w:unhideWhenUsed/>
    <w:tblPr>
      <w:tblInd w:w="0" w:type="dxa"/>
      <w:tblCellMar>
        <w:top w:w="0" w:type="dxa"/>
        <w:left w:w="108" w:type="dxa"/>
        <w:bottom w:w="0" w:type="dxa"/>
        <w:right w:w="108" w:type="dxa"/>
      </w:tblCellMar>
    </w:tblPr>
  </w:style>
  <w:style w:type="numbering" w:default="1" w:styleId="Bezseznamu">
    <w:name w:val="No List"/>
    <w:uiPriority w:val="99"/>
    <w:semiHidden/>
    <w:unhideWhenUsed/>
  </w:style>
  <w:style w:type="paragraph" w:customStyle="1" w:styleId="AONormal">
    <w:name w:val="AONormal"/>
    <w:qFormat/>
    <w:rsid w:val="004D2510"/>
    <w:rPr>
      <w:rFonts w:cs="Times New Roman"/>
      <w:lang w:val="cs-CZ"/>
    </w:rPr>
  </w:style>
  <w:style w:type="paragraph" w:customStyle="1" w:styleId="AOBodyTxt">
    <w:name w:val="AOBodyTxt"/>
    <w:basedOn w:val="AONormal"/>
    <w:next w:val="AODocTxt"/>
    <w:rsid w:val="004D2510"/>
    <w:pPr>
      <w:spacing w:before="240"/>
      <w:jc w:val="both"/>
    </w:pPr>
  </w:style>
  <w:style w:type="paragraph" w:customStyle="1" w:styleId="AODocTxt">
    <w:name w:val="AODocTxt"/>
    <w:basedOn w:val="AOBodyTxt"/>
    <w:qFormat/>
    <w:rsid w:val="004D2510"/>
  </w:style>
  <w:style w:type="paragraph" w:customStyle="1" w:styleId="AODocTxtL1">
    <w:name w:val="AODocTxtL1"/>
    <w:basedOn w:val="AODocTxt"/>
    <w:rsid w:val="004D2510"/>
    <w:pPr>
      <w:ind w:left="720"/>
    </w:pPr>
  </w:style>
  <w:style w:type="paragraph" w:customStyle="1" w:styleId="AODocTxtL2">
    <w:name w:val="AODocTxtL2"/>
    <w:basedOn w:val="AODocTxt"/>
    <w:rsid w:val="004D2510"/>
    <w:pPr>
      <w:ind w:left="1440"/>
    </w:pPr>
  </w:style>
  <w:style w:type="paragraph" w:customStyle="1" w:styleId="AODocTxtL3">
    <w:name w:val="AODocTxtL3"/>
    <w:basedOn w:val="AODocTxt"/>
    <w:rsid w:val="004D2510"/>
    <w:pPr>
      <w:ind w:left="2160"/>
    </w:pPr>
  </w:style>
  <w:style w:type="paragraph" w:customStyle="1" w:styleId="AODocTxtL4">
    <w:name w:val="AODocTxtL4"/>
    <w:basedOn w:val="AODocTxt"/>
    <w:rsid w:val="004D2510"/>
    <w:pPr>
      <w:ind w:left="2880"/>
    </w:pPr>
  </w:style>
  <w:style w:type="paragraph" w:customStyle="1" w:styleId="AODocTxtL5">
    <w:name w:val="AODocTxtL5"/>
    <w:basedOn w:val="AODocTxt"/>
    <w:rsid w:val="004D2510"/>
    <w:pPr>
      <w:ind w:left="3600"/>
    </w:pPr>
  </w:style>
  <w:style w:type="paragraph" w:customStyle="1" w:styleId="AODocTxtL6">
    <w:name w:val="AODocTxtL6"/>
    <w:basedOn w:val="AODocTxt"/>
    <w:rsid w:val="004D2510"/>
    <w:pPr>
      <w:ind w:left="4320"/>
    </w:pPr>
  </w:style>
  <w:style w:type="paragraph" w:customStyle="1" w:styleId="AODocTxtL7">
    <w:name w:val="AODocTxtL7"/>
    <w:basedOn w:val="AODocTxt"/>
    <w:rsid w:val="004D2510"/>
    <w:pPr>
      <w:ind w:left="5040"/>
    </w:pPr>
  </w:style>
  <w:style w:type="paragraph" w:customStyle="1" w:styleId="AODocTxtL8">
    <w:name w:val="AODocTxtL8"/>
    <w:basedOn w:val="AODocTxt"/>
    <w:rsid w:val="004D2510"/>
    <w:pPr>
      <w:ind w:left="5760"/>
    </w:pPr>
  </w:style>
  <w:style w:type="paragraph" w:customStyle="1" w:styleId="AO1">
    <w:name w:val="AO(1)"/>
    <w:basedOn w:val="AOBodyTxt"/>
    <w:next w:val="AODocTxt"/>
    <w:rsid w:val="004D2510"/>
    <w:pPr>
      <w:numPr>
        <w:numId w:val="1"/>
      </w:numPr>
      <w:tabs>
        <w:tab w:val="clear" w:pos="720"/>
      </w:tabs>
    </w:pPr>
  </w:style>
  <w:style w:type="paragraph" w:customStyle="1" w:styleId="AOA">
    <w:name w:val="AO(A)"/>
    <w:basedOn w:val="AOBodyTxt"/>
    <w:next w:val="AODocTxt"/>
    <w:rsid w:val="004D2510"/>
    <w:pPr>
      <w:numPr>
        <w:numId w:val="2"/>
      </w:numPr>
    </w:pPr>
  </w:style>
  <w:style w:type="paragraph" w:customStyle="1" w:styleId="AOHeadings">
    <w:name w:val="AOHeadings"/>
    <w:basedOn w:val="AOBodyTxt"/>
    <w:next w:val="AODocTxt"/>
    <w:rsid w:val="004D2510"/>
  </w:style>
  <w:style w:type="paragraph" w:customStyle="1" w:styleId="AOHead1">
    <w:name w:val="AOHead1"/>
    <w:basedOn w:val="AOHeadings"/>
    <w:next w:val="AODocTxtL1"/>
    <w:rsid w:val="004D2510"/>
    <w:pPr>
      <w:keepNext/>
      <w:numPr>
        <w:numId w:val="3"/>
      </w:numPr>
      <w:outlineLvl w:val="0"/>
    </w:pPr>
    <w:rPr>
      <w:b/>
      <w:caps/>
      <w:kern w:val="28"/>
    </w:rPr>
  </w:style>
  <w:style w:type="paragraph" w:customStyle="1" w:styleId="AOHead2">
    <w:name w:val="AOHead2"/>
    <w:basedOn w:val="AOHeadings"/>
    <w:next w:val="AODocTxtL1"/>
    <w:rsid w:val="004D2510"/>
    <w:pPr>
      <w:keepNext/>
      <w:numPr>
        <w:ilvl w:val="1"/>
        <w:numId w:val="3"/>
      </w:numPr>
      <w:outlineLvl w:val="1"/>
    </w:pPr>
    <w:rPr>
      <w:b/>
    </w:rPr>
  </w:style>
  <w:style w:type="paragraph" w:customStyle="1" w:styleId="AOHead3">
    <w:name w:val="AOHead3"/>
    <w:basedOn w:val="AOHeadings"/>
    <w:next w:val="AODocTxtL2"/>
    <w:rsid w:val="004D2510"/>
    <w:pPr>
      <w:numPr>
        <w:ilvl w:val="2"/>
        <w:numId w:val="3"/>
      </w:numPr>
      <w:outlineLvl w:val="2"/>
    </w:pPr>
  </w:style>
  <w:style w:type="paragraph" w:customStyle="1" w:styleId="AOHead4">
    <w:name w:val="AOHead4"/>
    <w:basedOn w:val="AOHeadings"/>
    <w:next w:val="AODocTxtL3"/>
    <w:rsid w:val="004D2510"/>
    <w:pPr>
      <w:numPr>
        <w:ilvl w:val="3"/>
        <w:numId w:val="3"/>
      </w:numPr>
      <w:outlineLvl w:val="3"/>
    </w:pPr>
  </w:style>
  <w:style w:type="paragraph" w:customStyle="1" w:styleId="AOHead5">
    <w:name w:val="AOHead5"/>
    <w:basedOn w:val="AOHeadings"/>
    <w:next w:val="AODocTxtL4"/>
    <w:rsid w:val="004D2510"/>
    <w:pPr>
      <w:numPr>
        <w:ilvl w:val="4"/>
        <w:numId w:val="3"/>
      </w:numPr>
      <w:outlineLvl w:val="4"/>
    </w:pPr>
  </w:style>
  <w:style w:type="paragraph" w:customStyle="1" w:styleId="AOHead6">
    <w:name w:val="AOHead6"/>
    <w:basedOn w:val="AOHeadings"/>
    <w:next w:val="AODocTxtL5"/>
    <w:rsid w:val="004D2510"/>
    <w:pPr>
      <w:numPr>
        <w:ilvl w:val="5"/>
        <w:numId w:val="3"/>
      </w:numPr>
      <w:outlineLvl w:val="5"/>
    </w:pPr>
  </w:style>
  <w:style w:type="paragraph" w:customStyle="1" w:styleId="AOAltHead1">
    <w:name w:val="AOAltHead1"/>
    <w:basedOn w:val="AOHead1"/>
    <w:next w:val="AODocTxtL1"/>
    <w:rsid w:val="004D2510"/>
    <w:pPr>
      <w:keepNext w:val="0"/>
    </w:pPr>
    <w:rPr>
      <w:b w:val="0"/>
      <w:caps w:val="0"/>
    </w:rPr>
  </w:style>
  <w:style w:type="paragraph" w:customStyle="1" w:styleId="AOAltHead2">
    <w:name w:val="AOAltHead2"/>
    <w:basedOn w:val="AOHead2"/>
    <w:next w:val="AODocTxtL1"/>
    <w:rsid w:val="004D2510"/>
    <w:pPr>
      <w:keepNext w:val="0"/>
      <w:tabs>
        <w:tab w:val="clear" w:pos="720"/>
      </w:tabs>
    </w:pPr>
    <w:rPr>
      <w:b w:val="0"/>
    </w:rPr>
  </w:style>
  <w:style w:type="paragraph" w:customStyle="1" w:styleId="AOAltHead3">
    <w:name w:val="AOAltHead3"/>
    <w:basedOn w:val="AOHead3"/>
    <w:next w:val="AODocTxtL1"/>
    <w:rsid w:val="004D2510"/>
    <w:pPr>
      <w:tabs>
        <w:tab w:val="clear" w:pos="1440"/>
      </w:tabs>
      <w:ind w:left="720"/>
    </w:pPr>
  </w:style>
  <w:style w:type="paragraph" w:customStyle="1" w:styleId="AOAltHead4">
    <w:name w:val="AOAltHead4"/>
    <w:basedOn w:val="AOHead4"/>
    <w:next w:val="AODocTxtL2"/>
    <w:rsid w:val="004D2510"/>
    <w:pPr>
      <w:tabs>
        <w:tab w:val="clear" w:pos="2160"/>
      </w:tabs>
      <w:ind w:left="1440"/>
    </w:pPr>
  </w:style>
  <w:style w:type="paragraph" w:customStyle="1" w:styleId="AOAltHead5">
    <w:name w:val="AOAltHead5"/>
    <w:basedOn w:val="AOHead5"/>
    <w:next w:val="AODocTxtL3"/>
    <w:rsid w:val="004D2510"/>
    <w:pPr>
      <w:tabs>
        <w:tab w:val="clear" w:pos="2880"/>
      </w:tabs>
      <w:ind w:left="2160"/>
    </w:pPr>
  </w:style>
  <w:style w:type="paragraph" w:customStyle="1" w:styleId="AOAltHead6">
    <w:name w:val="AOAltHead6"/>
    <w:basedOn w:val="AOHead6"/>
    <w:next w:val="AODocTxtL4"/>
    <w:rsid w:val="004D2510"/>
    <w:pPr>
      <w:tabs>
        <w:tab w:val="clear" w:pos="3600"/>
      </w:tabs>
      <w:ind w:left="2880"/>
    </w:pPr>
  </w:style>
  <w:style w:type="paragraph" w:customStyle="1" w:styleId="AOHeading1">
    <w:name w:val="AOHeading1"/>
    <w:basedOn w:val="AOHeadings"/>
    <w:next w:val="AODocTxt"/>
    <w:qFormat/>
    <w:rsid w:val="004D2510"/>
    <w:pPr>
      <w:keepNext/>
      <w:outlineLvl w:val="0"/>
    </w:pPr>
    <w:rPr>
      <w:b/>
      <w:caps/>
      <w:kern w:val="28"/>
    </w:rPr>
  </w:style>
  <w:style w:type="paragraph" w:customStyle="1" w:styleId="AOHeading2">
    <w:name w:val="AOHeading2"/>
    <w:basedOn w:val="AOHeadings"/>
    <w:next w:val="AODocTxt"/>
    <w:qFormat/>
    <w:rsid w:val="004D2510"/>
    <w:pPr>
      <w:keepNext/>
      <w:outlineLvl w:val="1"/>
    </w:pPr>
    <w:rPr>
      <w:b/>
    </w:rPr>
  </w:style>
  <w:style w:type="paragraph" w:customStyle="1" w:styleId="AOHeading3">
    <w:name w:val="AOHeading3"/>
    <w:basedOn w:val="AOHeadings"/>
    <w:next w:val="AODocTxtL1"/>
    <w:qFormat/>
    <w:rsid w:val="004D2510"/>
    <w:pPr>
      <w:keepNext/>
      <w:ind w:left="720"/>
      <w:outlineLvl w:val="2"/>
    </w:pPr>
    <w:rPr>
      <w:b/>
    </w:rPr>
  </w:style>
  <w:style w:type="paragraph" w:customStyle="1" w:styleId="AOHeading4">
    <w:name w:val="AOHeading4"/>
    <w:basedOn w:val="AOHeadings"/>
    <w:next w:val="AODocTxt"/>
    <w:rsid w:val="004D2510"/>
    <w:pPr>
      <w:keepNext/>
      <w:outlineLvl w:val="3"/>
    </w:pPr>
    <w:rPr>
      <w:i/>
    </w:rPr>
  </w:style>
  <w:style w:type="paragraph" w:styleId="Zhlav">
    <w:name w:val="header"/>
    <w:basedOn w:val="Normln"/>
    <w:link w:val="ZhlavChar"/>
    <w:uiPriority w:val="99"/>
    <w:unhideWhenUsed/>
    <w:rsid w:val="004D2510"/>
    <w:pPr>
      <w:tabs>
        <w:tab w:val="center" w:pos="4150"/>
        <w:tab w:val="right" w:pos="8306"/>
      </w:tabs>
    </w:pPr>
  </w:style>
  <w:style w:type="character" w:customStyle="1" w:styleId="ZhlavChar">
    <w:name w:val="Záhlaví Char"/>
    <w:basedOn w:val="Standardnpsmoodstavce"/>
    <w:link w:val="Zhlav"/>
    <w:uiPriority w:val="99"/>
    <w:rsid w:val="004D2510"/>
    <w:rPr>
      <w:rFonts w:cs="Times New Roman"/>
      <w:lang w:val="cs-CZ"/>
    </w:rPr>
  </w:style>
  <w:style w:type="paragraph" w:styleId="Zpat">
    <w:name w:val="footer"/>
    <w:basedOn w:val="Normln"/>
    <w:link w:val="ZpatChar"/>
    <w:uiPriority w:val="99"/>
    <w:unhideWhenUsed/>
    <w:rsid w:val="004D2510"/>
    <w:pPr>
      <w:tabs>
        <w:tab w:val="center" w:pos="4150"/>
        <w:tab w:val="right" w:pos="8306"/>
      </w:tabs>
    </w:pPr>
  </w:style>
  <w:style w:type="character" w:customStyle="1" w:styleId="ZpatChar">
    <w:name w:val="Zápatí Char"/>
    <w:basedOn w:val="Standardnpsmoodstavce"/>
    <w:link w:val="Zpat"/>
    <w:uiPriority w:val="99"/>
    <w:rsid w:val="004D2510"/>
    <w:rPr>
      <w:rFonts w:cs="Times New Roman"/>
      <w:lang w:val="cs-CZ"/>
    </w:rPr>
  </w:style>
  <w:style w:type="paragraph" w:customStyle="1" w:styleId="AOAttachments">
    <w:name w:val="AOAttachments"/>
    <w:basedOn w:val="AOBodyTxt"/>
    <w:next w:val="AODocTxt"/>
    <w:rsid w:val="004D2510"/>
    <w:pPr>
      <w:jc w:val="center"/>
    </w:pPr>
    <w:rPr>
      <w:caps/>
    </w:rPr>
  </w:style>
  <w:style w:type="paragraph" w:customStyle="1" w:styleId="AOAppTitle">
    <w:name w:val="AOAppTitle"/>
    <w:basedOn w:val="AOAttachments"/>
    <w:next w:val="AODocTxt"/>
    <w:rsid w:val="004D2510"/>
    <w:pPr>
      <w:outlineLvl w:val="1"/>
    </w:pPr>
    <w:rPr>
      <w:b/>
    </w:rPr>
  </w:style>
  <w:style w:type="paragraph" w:customStyle="1" w:styleId="AOAppPartTitle">
    <w:name w:val="AOAppPartTitle"/>
    <w:basedOn w:val="AOAppTitle"/>
    <w:next w:val="AODocTxt"/>
    <w:rsid w:val="004D2510"/>
  </w:style>
  <w:style w:type="paragraph" w:customStyle="1" w:styleId="AOAppHead">
    <w:name w:val="AOAppHead"/>
    <w:basedOn w:val="AOAttachments"/>
    <w:next w:val="AOAppTitle"/>
    <w:rsid w:val="004D2510"/>
    <w:pPr>
      <w:pageBreakBefore/>
      <w:numPr>
        <w:numId w:val="4"/>
      </w:numPr>
      <w:tabs>
        <w:tab w:val="clear" w:pos="0"/>
      </w:tabs>
      <w:outlineLvl w:val="0"/>
    </w:pPr>
  </w:style>
  <w:style w:type="paragraph" w:customStyle="1" w:styleId="AOAppPartHead">
    <w:name w:val="AOAppPartHead"/>
    <w:basedOn w:val="AOAppHead"/>
    <w:next w:val="AOAppPartTitle"/>
    <w:rsid w:val="004D2510"/>
    <w:pPr>
      <w:pageBreakBefore w:val="0"/>
      <w:numPr>
        <w:ilvl w:val="1"/>
      </w:numPr>
      <w:tabs>
        <w:tab w:val="clear" w:pos="0"/>
      </w:tabs>
    </w:pPr>
  </w:style>
  <w:style w:type="paragraph" w:customStyle="1" w:styleId="AOAnxTitle">
    <w:name w:val="AOAnxTitle"/>
    <w:basedOn w:val="AOAttachments"/>
    <w:next w:val="AODocTxt"/>
    <w:rsid w:val="004D2510"/>
    <w:pPr>
      <w:outlineLvl w:val="1"/>
    </w:pPr>
    <w:rPr>
      <w:b/>
    </w:rPr>
  </w:style>
  <w:style w:type="paragraph" w:customStyle="1" w:styleId="AOAnxPartTitle">
    <w:name w:val="AOAnxPartTitle"/>
    <w:basedOn w:val="AOAnxTitle"/>
    <w:next w:val="AODocTxt"/>
    <w:rsid w:val="004D2510"/>
  </w:style>
  <w:style w:type="paragraph" w:customStyle="1" w:styleId="AOAnxHead">
    <w:name w:val="AOAnxHead"/>
    <w:basedOn w:val="AOAttachments"/>
    <w:next w:val="AOAnxTitle"/>
    <w:rsid w:val="004D2510"/>
    <w:pPr>
      <w:pageBreakBefore/>
      <w:numPr>
        <w:numId w:val="5"/>
      </w:numPr>
      <w:tabs>
        <w:tab w:val="clear" w:pos="0"/>
      </w:tabs>
      <w:outlineLvl w:val="0"/>
    </w:pPr>
  </w:style>
  <w:style w:type="paragraph" w:customStyle="1" w:styleId="AOAnxPartHead">
    <w:name w:val="AOAnxPartHead"/>
    <w:basedOn w:val="AOAnxHead"/>
    <w:next w:val="AOAnxPartTitle"/>
    <w:rsid w:val="004D2510"/>
    <w:pPr>
      <w:pageBreakBefore w:val="0"/>
      <w:numPr>
        <w:ilvl w:val="1"/>
      </w:numPr>
      <w:tabs>
        <w:tab w:val="clear" w:pos="0"/>
      </w:tabs>
    </w:pPr>
  </w:style>
  <w:style w:type="paragraph" w:customStyle="1" w:styleId="AOSchTitle">
    <w:name w:val="AOSchTitle"/>
    <w:basedOn w:val="AOAttachments"/>
    <w:next w:val="AODocTxt"/>
    <w:rsid w:val="004D2510"/>
    <w:pPr>
      <w:outlineLvl w:val="1"/>
    </w:pPr>
    <w:rPr>
      <w:b/>
    </w:rPr>
  </w:style>
  <w:style w:type="paragraph" w:customStyle="1" w:styleId="AOSchPartTitle">
    <w:name w:val="AOSchPartTitle"/>
    <w:basedOn w:val="AOSchTitle"/>
    <w:next w:val="AODocTxt"/>
    <w:rsid w:val="004D2510"/>
  </w:style>
  <w:style w:type="paragraph" w:customStyle="1" w:styleId="AOSchHead">
    <w:name w:val="AOSchHead"/>
    <w:basedOn w:val="AOAttachments"/>
    <w:next w:val="AOSchTitle"/>
    <w:rsid w:val="004D2510"/>
    <w:pPr>
      <w:pageBreakBefore/>
      <w:numPr>
        <w:numId w:val="6"/>
      </w:numPr>
      <w:tabs>
        <w:tab w:val="clear" w:pos="0"/>
      </w:tabs>
      <w:outlineLvl w:val="0"/>
    </w:pPr>
  </w:style>
  <w:style w:type="paragraph" w:customStyle="1" w:styleId="AOSchPartHead">
    <w:name w:val="AOSchPartHead"/>
    <w:basedOn w:val="AOSchHead"/>
    <w:next w:val="AOSchPartTitle"/>
    <w:rsid w:val="004D2510"/>
    <w:pPr>
      <w:pageBreakBefore w:val="0"/>
      <w:numPr>
        <w:ilvl w:val="1"/>
      </w:numPr>
      <w:tabs>
        <w:tab w:val="clear" w:pos="0"/>
      </w:tabs>
    </w:pPr>
  </w:style>
  <w:style w:type="paragraph" w:customStyle="1" w:styleId="AODefHead">
    <w:name w:val="AODefHead"/>
    <w:basedOn w:val="AOBodyTxt"/>
    <w:next w:val="AODefPara"/>
    <w:rsid w:val="004D2510"/>
    <w:pPr>
      <w:numPr>
        <w:numId w:val="7"/>
      </w:numPr>
      <w:tabs>
        <w:tab w:val="clear" w:pos="720"/>
      </w:tabs>
      <w:outlineLvl w:val="5"/>
    </w:pPr>
  </w:style>
  <w:style w:type="paragraph" w:customStyle="1" w:styleId="AODefPara">
    <w:name w:val="AODefPara"/>
    <w:basedOn w:val="AODefHead"/>
    <w:rsid w:val="004D2510"/>
    <w:pPr>
      <w:numPr>
        <w:ilvl w:val="1"/>
      </w:numPr>
      <w:tabs>
        <w:tab w:val="clear" w:pos="720"/>
      </w:tabs>
      <w:outlineLvl w:val="6"/>
    </w:pPr>
  </w:style>
  <w:style w:type="paragraph" w:customStyle="1" w:styleId="AOBullet">
    <w:name w:val="AOBullet"/>
    <w:basedOn w:val="AOBodyTxt"/>
    <w:rsid w:val="004D2510"/>
    <w:pPr>
      <w:numPr>
        <w:numId w:val="8"/>
      </w:numPr>
      <w:tabs>
        <w:tab w:val="clear" w:pos="720"/>
      </w:tabs>
    </w:pPr>
  </w:style>
  <w:style w:type="paragraph" w:customStyle="1" w:styleId="AOBullet2">
    <w:name w:val="AOBullet2"/>
    <w:basedOn w:val="AOBullet"/>
    <w:rsid w:val="004D2510"/>
    <w:pPr>
      <w:numPr>
        <w:numId w:val="9"/>
      </w:numPr>
      <w:tabs>
        <w:tab w:val="clear" w:pos="720"/>
      </w:tabs>
      <w:spacing w:before="120"/>
    </w:pPr>
  </w:style>
  <w:style w:type="paragraph" w:customStyle="1" w:styleId="AOBullet3">
    <w:name w:val="AOBullet3"/>
    <w:basedOn w:val="AOBodyTxt"/>
    <w:rsid w:val="004D2510"/>
    <w:pPr>
      <w:numPr>
        <w:numId w:val="10"/>
      </w:numPr>
      <w:tabs>
        <w:tab w:val="clear" w:pos="720"/>
      </w:tabs>
      <w:spacing w:before="120"/>
    </w:pPr>
  </w:style>
  <w:style w:type="paragraph" w:customStyle="1" w:styleId="AOBullet4">
    <w:name w:val="AOBullet4"/>
    <w:basedOn w:val="AOBodyTxt"/>
    <w:rsid w:val="004D2510"/>
    <w:pPr>
      <w:numPr>
        <w:numId w:val="11"/>
      </w:numPr>
      <w:tabs>
        <w:tab w:val="clear" w:pos="720"/>
      </w:tabs>
      <w:spacing w:before="120"/>
    </w:pPr>
  </w:style>
  <w:style w:type="paragraph" w:customStyle="1" w:styleId="AOGenNum1">
    <w:name w:val="AOGenNum1"/>
    <w:basedOn w:val="AOBodyTxt"/>
    <w:next w:val="AOGenNum1Para"/>
    <w:rsid w:val="004D2510"/>
    <w:pPr>
      <w:keepNext/>
      <w:numPr>
        <w:numId w:val="12"/>
      </w:numPr>
    </w:pPr>
    <w:rPr>
      <w:b/>
      <w:caps/>
    </w:rPr>
  </w:style>
  <w:style w:type="paragraph" w:customStyle="1" w:styleId="AOGenNum1List">
    <w:name w:val="AOGenNum1List"/>
    <w:basedOn w:val="AOGenNum1"/>
    <w:rsid w:val="004D2510"/>
    <w:pPr>
      <w:keepNext w:val="0"/>
      <w:numPr>
        <w:ilvl w:val="2"/>
      </w:numPr>
    </w:pPr>
    <w:rPr>
      <w:b w:val="0"/>
      <w:caps w:val="0"/>
    </w:rPr>
  </w:style>
  <w:style w:type="paragraph" w:customStyle="1" w:styleId="AOGenNum1Para">
    <w:name w:val="AOGenNum1Para"/>
    <w:basedOn w:val="AOGenNum1"/>
    <w:next w:val="AOGenNum1List"/>
    <w:rsid w:val="004D2510"/>
    <w:pPr>
      <w:numPr>
        <w:ilvl w:val="1"/>
      </w:numPr>
    </w:pPr>
    <w:rPr>
      <w:caps w:val="0"/>
    </w:rPr>
  </w:style>
  <w:style w:type="paragraph" w:customStyle="1" w:styleId="AOGenNum2">
    <w:name w:val="AOGenNum2"/>
    <w:basedOn w:val="AOBodyTxt"/>
    <w:next w:val="AOGenNum2Para"/>
    <w:rsid w:val="004D2510"/>
    <w:pPr>
      <w:keepNext/>
      <w:numPr>
        <w:numId w:val="13"/>
      </w:numPr>
    </w:pPr>
    <w:rPr>
      <w:b/>
    </w:rPr>
  </w:style>
  <w:style w:type="paragraph" w:customStyle="1" w:styleId="AOGenNum2List">
    <w:name w:val="AOGenNum2List"/>
    <w:basedOn w:val="AOGenNum2"/>
    <w:rsid w:val="004D2510"/>
    <w:pPr>
      <w:keepNext w:val="0"/>
      <w:numPr>
        <w:ilvl w:val="2"/>
      </w:numPr>
    </w:pPr>
    <w:rPr>
      <w:b w:val="0"/>
    </w:rPr>
  </w:style>
  <w:style w:type="paragraph" w:customStyle="1" w:styleId="AOGenNum2Para">
    <w:name w:val="AOGenNum2Para"/>
    <w:basedOn w:val="AOGenNum2"/>
    <w:next w:val="AOGenNum2List"/>
    <w:rsid w:val="004D2510"/>
    <w:pPr>
      <w:keepNext w:val="0"/>
      <w:numPr>
        <w:ilvl w:val="1"/>
      </w:numPr>
    </w:pPr>
    <w:rPr>
      <w:b w:val="0"/>
    </w:rPr>
  </w:style>
  <w:style w:type="paragraph" w:customStyle="1" w:styleId="AOGenNum3">
    <w:name w:val="AOGenNum3"/>
    <w:basedOn w:val="AOBodyTxt"/>
    <w:next w:val="AOGenNum3List"/>
    <w:rsid w:val="004D2510"/>
    <w:pPr>
      <w:numPr>
        <w:numId w:val="14"/>
      </w:numPr>
    </w:pPr>
  </w:style>
  <w:style w:type="paragraph" w:customStyle="1" w:styleId="AOGenNum3List">
    <w:name w:val="AOGenNum3List"/>
    <w:basedOn w:val="AOGenNum3"/>
    <w:rsid w:val="004D2510"/>
    <w:pPr>
      <w:numPr>
        <w:ilvl w:val="1"/>
      </w:numPr>
    </w:pPr>
  </w:style>
  <w:style w:type="paragraph" w:customStyle="1" w:styleId="AOTitle">
    <w:name w:val="AOTitle"/>
    <w:basedOn w:val="AOHeadings"/>
    <w:next w:val="AODocTxt"/>
    <w:rsid w:val="004D2510"/>
    <w:pPr>
      <w:jc w:val="center"/>
    </w:pPr>
    <w:rPr>
      <w:b/>
      <w:caps/>
    </w:rPr>
  </w:style>
  <w:style w:type="paragraph" w:customStyle="1" w:styleId="AOTOCHeading">
    <w:name w:val="AOTOCHeading"/>
    <w:basedOn w:val="AOHeadings"/>
    <w:next w:val="AODocTxt"/>
    <w:rsid w:val="004D2510"/>
    <w:pPr>
      <w:tabs>
        <w:tab w:val="right" w:pos="9609"/>
      </w:tabs>
      <w:spacing w:after="240"/>
    </w:pPr>
    <w:rPr>
      <w:b/>
    </w:rPr>
  </w:style>
  <w:style w:type="paragraph" w:customStyle="1" w:styleId="AOTOCs">
    <w:name w:val="AOTOCs"/>
    <w:basedOn w:val="AONormal"/>
    <w:next w:val="Obsah1"/>
    <w:rsid w:val="004D2510"/>
    <w:pPr>
      <w:tabs>
        <w:tab w:val="right" w:leader="dot" w:pos="9638"/>
      </w:tabs>
      <w:jc w:val="both"/>
    </w:pPr>
  </w:style>
  <w:style w:type="paragraph" w:styleId="Obsah1">
    <w:name w:val="toc 1"/>
    <w:basedOn w:val="AOTOCs"/>
    <w:next w:val="AONormal"/>
    <w:autoRedefine/>
    <w:uiPriority w:val="39"/>
    <w:semiHidden/>
    <w:rsid w:val="004D2510"/>
    <w:pPr>
      <w:tabs>
        <w:tab w:val="left" w:pos="720"/>
      </w:tabs>
      <w:ind w:left="720" w:hanging="720"/>
    </w:pPr>
  </w:style>
  <w:style w:type="paragraph" w:customStyle="1" w:styleId="AOTOC1">
    <w:name w:val="AOTOC1"/>
    <w:basedOn w:val="AOTOCs"/>
    <w:rsid w:val="004D2510"/>
    <w:pPr>
      <w:tabs>
        <w:tab w:val="left" w:pos="720"/>
      </w:tabs>
    </w:pPr>
    <w:rPr>
      <w:b/>
      <w:caps/>
    </w:rPr>
  </w:style>
  <w:style w:type="paragraph" w:customStyle="1" w:styleId="AOTOC2">
    <w:name w:val="AOTOC2"/>
    <w:basedOn w:val="AOTOCs"/>
    <w:rsid w:val="004D2510"/>
    <w:pPr>
      <w:tabs>
        <w:tab w:val="left" w:pos="720"/>
      </w:tabs>
    </w:pPr>
  </w:style>
  <w:style w:type="paragraph" w:customStyle="1" w:styleId="AOTOC3">
    <w:name w:val="AOTOC3"/>
    <w:basedOn w:val="AOTOCs"/>
    <w:rsid w:val="004D2510"/>
    <w:pPr>
      <w:ind w:left="720"/>
    </w:pPr>
    <w:rPr>
      <w:b/>
    </w:rPr>
  </w:style>
  <w:style w:type="paragraph" w:customStyle="1" w:styleId="AOTOC4">
    <w:name w:val="AOTOC4"/>
    <w:basedOn w:val="AOTOCs"/>
    <w:rsid w:val="004D2510"/>
    <w:pPr>
      <w:ind w:left="720"/>
    </w:pPr>
  </w:style>
  <w:style w:type="paragraph" w:customStyle="1" w:styleId="AOTOC5">
    <w:name w:val="AOTOC5"/>
    <w:basedOn w:val="AOTOCs"/>
    <w:rsid w:val="004D2510"/>
    <w:pPr>
      <w:ind w:left="720"/>
    </w:pPr>
    <w:rPr>
      <w:i/>
    </w:rPr>
  </w:style>
  <w:style w:type="paragraph" w:styleId="Obsah2">
    <w:name w:val="toc 2"/>
    <w:basedOn w:val="AOTOCs"/>
    <w:next w:val="AONormal"/>
    <w:autoRedefine/>
    <w:uiPriority w:val="39"/>
    <w:semiHidden/>
    <w:unhideWhenUsed/>
    <w:rsid w:val="004D2510"/>
    <w:pPr>
      <w:tabs>
        <w:tab w:val="left" w:pos="1797"/>
      </w:tabs>
      <w:ind w:left="1797" w:right="720" w:hanging="1077"/>
    </w:pPr>
  </w:style>
  <w:style w:type="paragraph" w:styleId="Obsah3">
    <w:name w:val="toc 3"/>
    <w:basedOn w:val="AOTOCs"/>
    <w:next w:val="AONormal"/>
    <w:autoRedefine/>
    <w:uiPriority w:val="39"/>
    <w:semiHidden/>
    <w:unhideWhenUsed/>
    <w:rsid w:val="004D2510"/>
    <w:pPr>
      <w:numPr>
        <w:numId w:val="15"/>
      </w:numPr>
      <w:ind w:right="720"/>
    </w:pPr>
  </w:style>
  <w:style w:type="paragraph" w:styleId="Obsah4">
    <w:name w:val="toc 4"/>
    <w:basedOn w:val="AOTOCs"/>
    <w:next w:val="AONormal"/>
    <w:autoRedefine/>
    <w:uiPriority w:val="39"/>
    <w:semiHidden/>
    <w:unhideWhenUsed/>
    <w:rsid w:val="004D2510"/>
    <w:pPr>
      <w:numPr>
        <w:ilvl w:val="1"/>
        <w:numId w:val="15"/>
      </w:numPr>
      <w:tabs>
        <w:tab w:val="left" w:pos="1797"/>
      </w:tabs>
      <w:ind w:right="720"/>
    </w:pPr>
  </w:style>
  <w:style w:type="paragraph" w:styleId="Obsah5">
    <w:name w:val="toc 5"/>
    <w:basedOn w:val="AOTOCs"/>
    <w:next w:val="AONormal"/>
    <w:autoRedefine/>
    <w:uiPriority w:val="39"/>
    <w:semiHidden/>
    <w:unhideWhenUsed/>
    <w:rsid w:val="004D2510"/>
    <w:pPr>
      <w:spacing w:before="240"/>
    </w:pPr>
  </w:style>
  <w:style w:type="paragraph" w:styleId="Obsah6">
    <w:name w:val="toc 6"/>
    <w:basedOn w:val="AOTOCs"/>
    <w:next w:val="AONormal"/>
    <w:autoRedefine/>
    <w:uiPriority w:val="39"/>
    <w:semiHidden/>
    <w:unhideWhenUsed/>
    <w:rsid w:val="004D2510"/>
    <w:pPr>
      <w:numPr>
        <w:numId w:val="16"/>
      </w:numPr>
      <w:ind w:right="720"/>
    </w:pPr>
  </w:style>
  <w:style w:type="paragraph" w:styleId="Obsah7">
    <w:name w:val="toc 7"/>
    <w:basedOn w:val="AOTOCs"/>
    <w:next w:val="AONormal"/>
    <w:autoRedefine/>
    <w:uiPriority w:val="39"/>
    <w:semiHidden/>
    <w:unhideWhenUsed/>
    <w:rsid w:val="004D2510"/>
    <w:pPr>
      <w:numPr>
        <w:ilvl w:val="1"/>
        <w:numId w:val="16"/>
      </w:numPr>
      <w:tabs>
        <w:tab w:val="left" w:pos="1797"/>
      </w:tabs>
      <w:ind w:right="720"/>
    </w:pPr>
  </w:style>
  <w:style w:type="paragraph" w:styleId="Obsah8">
    <w:name w:val="toc 8"/>
    <w:basedOn w:val="AOTOCs"/>
    <w:next w:val="AONormal"/>
    <w:autoRedefine/>
    <w:uiPriority w:val="39"/>
    <w:semiHidden/>
    <w:unhideWhenUsed/>
    <w:rsid w:val="004D2510"/>
    <w:pPr>
      <w:numPr>
        <w:numId w:val="17"/>
      </w:numPr>
      <w:ind w:right="720"/>
    </w:pPr>
  </w:style>
  <w:style w:type="paragraph" w:styleId="Obsah9">
    <w:name w:val="toc 9"/>
    <w:basedOn w:val="AOTOCs"/>
    <w:next w:val="AONormal"/>
    <w:autoRedefine/>
    <w:uiPriority w:val="39"/>
    <w:semiHidden/>
    <w:unhideWhenUsed/>
    <w:rsid w:val="004D2510"/>
    <w:pPr>
      <w:numPr>
        <w:ilvl w:val="1"/>
        <w:numId w:val="17"/>
      </w:numPr>
      <w:tabs>
        <w:tab w:val="left" w:pos="1797"/>
      </w:tabs>
      <w:ind w:right="720"/>
    </w:pPr>
  </w:style>
  <w:style w:type="paragraph" w:styleId="Textpoznpodarou">
    <w:name w:val="footnote text"/>
    <w:basedOn w:val="AONormal"/>
    <w:link w:val="TextpoznpodarouChar"/>
    <w:uiPriority w:val="99"/>
    <w:unhideWhenUsed/>
    <w:rsid w:val="004D2510"/>
    <w:pPr>
      <w:spacing w:line="240" w:lineRule="auto"/>
      <w:ind w:left="720" w:hanging="720"/>
      <w:jc w:val="both"/>
    </w:pPr>
    <w:rPr>
      <w:sz w:val="16"/>
      <w:szCs w:val="20"/>
    </w:rPr>
  </w:style>
  <w:style w:type="character" w:customStyle="1" w:styleId="TextpoznpodarouChar">
    <w:name w:val="Text pozn. pod čarou Char"/>
    <w:basedOn w:val="Standardnpsmoodstavce"/>
    <w:link w:val="Textpoznpodarou"/>
    <w:uiPriority w:val="99"/>
    <w:rsid w:val="004D2510"/>
    <w:rPr>
      <w:rFonts w:cs="Times New Roman"/>
      <w:sz w:val="16"/>
      <w:szCs w:val="20"/>
      <w:lang w:val="cs-CZ"/>
    </w:rPr>
  </w:style>
  <w:style w:type="paragraph" w:customStyle="1" w:styleId="AOFPBP">
    <w:name w:val="AOFPBP"/>
    <w:basedOn w:val="AONormal"/>
    <w:next w:val="AOFPTxt"/>
    <w:rsid w:val="004D2510"/>
    <w:pPr>
      <w:jc w:val="center"/>
    </w:pPr>
  </w:style>
  <w:style w:type="paragraph" w:customStyle="1" w:styleId="AOFPTxt">
    <w:name w:val="AOFPTxt"/>
    <w:basedOn w:val="AOFPBP"/>
    <w:rsid w:val="004D2510"/>
    <w:rPr>
      <w:b/>
    </w:rPr>
  </w:style>
  <w:style w:type="paragraph" w:customStyle="1" w:styleId="AOBPTitle">
    <w:name w:val="AOBPTitle"/>
    <w:basedOn w:val="AOFPBP"/>
    <w:rsid w:val="004D2510"/>
    <w:rPr>
      <w:b/>
      <w:caps/>
    </w:rPr>
  </w:style>
  <w:style w:type="paragraph" w:customStyle="1" w:styleId="AOBPTxtC">
    <w:name w:val="AOBPTxtC"/>
    <w:basedOn w:val="AOFPBP"/>
    <w:rsid w:val="004D2510"/>
  </w:style>
  <w:style w:type="paragraph" w:customStyle="1" w:styleId="AOBPTxtL">
    <w:name w:val="AOBPTxtL"/>
    <w:basedOn w:val="AOFPBP"/>
    <w:rsid w:val="004D2510"/>
    <w:pPr>
      <w:jc w:val="left"/>
    </w:pPr>
  </w:style>
  <w:style w:type="paragraph" w:customStyle="1" w:styleId="AOBPTxtR">
    <w:name w:val="AOBPTxtR"/>
    <w:basedOn w:val="AOFPBP"/>
    <w:rsid w:val="004D2510"/>
    <w:pPr>
      <w:jc w:val="right"/>
    </w:pPr>
  </w:style>
  <w:style w:type="paragraph" w:customStyle="1" w:styleId="AOLocation">
    <w:name w:val="AOLocation"/>
    <w:basedOn w:val="AOFPBP"/>
    <w:rsid w:val="004D2510"/>
    <w:pPr>
      <w:spacing w:before="160"/>
    </w:pPr>
    <w:rPr>
      <w:b/>
      <w:caps/>
    </w:rPr>
  </w:style>
  <w:style w:type="paragraph" w:customStyle="1" w:styleId="AOFPTxtCaps">
    <w:name w:val="AOFPTxtCaps"/>
    <w:basedOn w:val="AOFPTxt"/>
    <w:rsid w:val="004D2510"/>
    <w:rPr>
      <w:caps/>
    </w:rPr>
  </w:style>
  <w:style w:type="paragraph" w:customStyle="1" w:styleId="AOFPTitle">
    <w:name w:val="AOFPTitle"/>
    <w:basedOn w:val="AOFPTxt"/>
    <w:rsid w:val="004D2510"/>
    <w:rPr>
      <w:caps/>
      <w:sz w:val="32"/>
    </w:rPr>
  </w:style>
  <w:style w:type="paragraph" w:customStyle="1" w:styleId="AOFPDate">
    <w:name w:val="AOFPDate"/>
    <w:basedOn w:val="AOFPTxt"/>
    <w:rsid w:val="004D2510"/>
    <w:rPr>
      <w:caps/>
    </w:rPr>
  </w:style>
  <w:style w:type="paragraph" w:customStyle="1" w:styleId="AOFPCopyright">
    <w:name w:val="AOFPCopyright"/>
    <w:basedOn w:val="AOFPTxt"/>
    <w:rsid w:val="004D2510"/>
    <w:pPr>
      <w:jc w:val="left"/>
    </w:pPr>
    <w:rPr>
      <w:caps/>
    </w:rPr>
  </w:style>
  <w:style w:type="paragraph" w:customStyle="1" w:styleId="AOHeading5">
    <w:name w:val="AOHeading5"/>
    <w:basedOn w:val="AOHeadings"/>
    <w:next w:val="AODocTxtL1"/>
    <w:rsid w:val="004D2510"/>
    <w:pPr>
      <w:keepNext/>
      <w:ind w:left="720"/>
      <w:outlineLvl w:val="4"/>
    </w:pPr>
    <w:rPr>
      <w:i/>
    </w:rPr>
  </w:style>
  <w:style w:type="paragraph" w:customStyle="1" w:styleId="AOHeading6">
    <w:name w:val="AOHeading6"/>
    <w:basedOn w:val="AOHeadings"/>
    <w:next w:val="AODocTxt"/>
    <w:rsid w:val="004D2510"/>
    <w:pPr>
      <w:keepNext/>
      <w:outlineLvl w:val="5"/>
    </w:pPr>
    <w:rPr>
      <w:b/>
      <w:i/>
    </w:rPr>
  </w:style>
  <w:style w:type="paragraph" w:customStyle="1" w:styleId="AOHeading7">
    <w:name w:val="AOHeading7"/>
    <w:basedOn w:val="AOHeadings"/>
    <w:next w:val="AODocTxtL1"/>
    <w:rsid w:val="004D2510"/>
    <w:pPr>
      <w:keepNext/>
      <w:ind w:left="720"/>
      <w:outlineLvl w:val="6"/>
    </w:pPr>
    <w:rPr>
      <w:b/>
      <w:i/>
    </w:rPr>
  </w:style>
  <w:style w:type="paragraph" w:customStyle="1" w:styleId="AONormal10">
    <w:name w:val="AONormal10"/>
    <w:basedOn w:val="AONormal"/>
    <w:rsid w:val="004D2510"/>
    <w:rPr>
      <w:sz w:val="20"/>
    </w:rPr>
  </w:style>
  <w:style w:type="paragraph" w:customStyle="1" w:styleId="AONormal8L">
    <w:name w:val="AONormal8L"/>
    <w:basedOn w:val="AONormal"/>
    <w:rsid w:val="00554D92"/>
    <w:pPr>
      <w:tabs>
        <w:tab w:val="left" w:pos="1417"/>
      </w:tabs>
      <w:spacing w:line="220" w:lineRule="atLeast"/>
    </w:pPr>
    <w:rPr>
      <w:rFonts w:ascii="Arial" w:hAnsi="Arial" w:cs="Arial"/>
      <w:sz w:val="16"/>
    </w:rPr>
  </w:style>
  <w:style w:type="paragraph" w:customStyle="1" w:styleId="AONormal8LBold">
    <w:name w:val="AONormal8LBold"/>
    <w:basedOn w:val="AONormal8L"/>
    <w:rsid w:val="004D2510"/>
    <w:rPr>
      <w:b/>
    </w:rPr>
  </w:style>
  <w:style w:type="paragraph" w:customStyle="1" w:styleId="AONormal8C">
    <w:name w:val="AONormal8C"/>
    <w:basedOn w:val="AONormal8L"/>
    <w:rsid w:val="004D2510"/>
    <w:pPr>
      <w:jc w:val="center"/>
    </w:pPr>
  </w:style>
  <w:style w:type="paragraph" w:customStyle="1" w:styleId="AONormal8R">
    <w:name w:val="AONormal8R"/>
    <w:basedOn w:val="AONormal8L"/>
    <w:rsid w:val="004D2510"/>
    <w:pPr>
      <w:jc w:val="right"/>
    </w:pPr>
  </w:style>
  <w:style w:type="paragraph" w:customStyle="1" w:styleId="AONormalBold">
    <w:name w:val="AONormalBold"/>
    <w:basedOn w:val="AONormal"/>
    <w:rsid w:val="004D2510"/>
    <w:rPr>
      <w:b/>
    </w:rPr>
  </w:style>
  <w:style w:type="paragraph" w:customStyle="1" w:styleId="AONormal6L">
    <w:name w:val="AONormal6L"/>
    <w:basedOn w:val="AONormal8L"/>
    <w:rsid w:val="005E437C"/>
    <w:pPr>
      <w:spacing w:line="160" w:lineRule="atLeast"/>
      <w:jc w:val="both"/>
    </w:pPr>
    <w:rPr>
      <w:noProof/>
      <w:sz w:val="12"/>
    </w:rPr>
  </w:style>
  <w:style w:type="paragraph" w:customStyle="1" w:styleId="AONormal6C">
    <w:name w:val="AONormal6C"/>
    <w:basedOn w:val="AONormal6L"/>
    <w:rsid w:val="004D2510"/>
    <w:pPr>
      <w:jc w:val="center"/>
    </w:pPr>
  </w:style>
  <w:style w:type="paragraph" w:customStyle="1" w:styleId="AONormal6R">
    <w:name w:val="AONormal6R"/>
    <w:basedOn w:val="AONormal6L"/>
    <w:rsid w:val="004D2510"/>
    <w:pPr>
      <w:jc w:val="right"/>
    </w:pPr>
  </w:style>
  <w:style w:type="paragraph" w:customStyle="1" w:styleId="AOTitle18">
    <w:name w:val="AOTitle18"/>
    <w:basedOn w:val="AONormal"/>
    <w:rsid w:val="004D2510"/>
    <w:rPr>
      <w:b/>
      <w:sz w:val="36"/>
    </w:rPr>
  </w:style>
  <w:style w:type="paragraph" w:customStyle="1" w:styleId="AOSignatory">
    <w:name w:val="AOSignatory"/>
    <w:basedOn w:val="AOBodyTxt"/>
    <w:next w:val="AODocTxt"/>
    <w:rsid w:val="004D2510"/>
    <w:pPr>
      <w:pageBreakBefore/>
      <w:spacing w:after="240"/>
      <w:jc w:val="center"/>
    </w:pPr>
    <w:rPr>
      <w:b/>
      <w:caps/>
    </w:rPr>
  </w:style>
  <w:style w:type="paragraph" w:customStyle="1" w:styleId="AOTOCTitle">
    <w:name w:val="AOTOCTitle"/>
    <w:basedOn w:val="AOHeadings"/>
    <w:next w:val="AOTOCHeading"/>
    <w:rsid w:val="004D2510"/>
    <w:pPr>
      <w:jc w:val="center"/>
    </w:pPr>
    <w:rPr>
      <w:b/>
      <w:caps/>
    </w:rPr>
  </w:style>
  <w:style w:type="paragraph" w:customStyle="1" w:styleId="AOHidden">
    <w:name w:val="AOHidden"/>
    <w:basedOn w:val="AONormal"/>
    <w:rsid w:val="004D2510"/>
    <w:pPr>
      <w:spacing w:before="240"/>
      <w:jc w:val="both"/>
    </w:pPr>
    <w:rPr>
      <w:vanish/>
    </w:rPr>
  </w:style>
  <w:style w:type="paragraph" w:styleId="Textkomente">
    <w:name w:val="annotation text"/>
    <w:basedOn w:val="AONormal"/>
    <w:link w:val="TextkomenteChar"/>
    <w:uiPriority w:val="99"/>
    <w:semiHidden/>
    <w:unhideWhenUsed/>
    <w:rsid w:val="004D2510"/>
    <w:pPr>
      <w:spacing w:line="240" w:lineRule="auto"/>
    </w:pPr>
    <w:rPr>
      <w:sz w:val="16"/>
      <w:szCs w:val="20"/>
    </w:rPr>
  </w:style>
  <w:style w:type="character" w:customStyle="1" w:styleId="TextkomenteChar">
    <w:name w:val="Text komentáře Char"/>
    <w:basedOn w:val="Standardnpsmoodstavce"/>
    <w:link w:val="Textkomente"/>
    <w:uiPriority w:val="99"/>
    <w:semiHidden/>
    <w:rsid w:val="004D2510"/>
    <w:rPr>
      <w:rFonts w:cs="Times New Roman"/>
      <w:sz w:val="16"/>
      <w:szCs w:val="20"/>
      <w:lang w:val="cs-CZ"/>
    </w:rPr>
  </w:style>
  <w:style w:type="paragraph" w:styleId="Textvysvtlivek">
    <w:name w:val="endnote text"/>
    <w:basedOn w:val="AONormal"/>
    <w:link w:val="TextvysvtlivekChar"/>
    <w:uiPriority w:val="99"/>
    <w:semiHidden/>
    <w:unhideWhenUsed/>
    <w:rsid w:val="004D2510"/>
    <w:pPr>
      <w:spacing w:line="240" w:lineRule="auto"/>
      <w:ind w:left="720" w:hanging="720"/>
      <w:jc w:val="both"/>
    </w:pPr>
    <w:rPr>
      <w:sz w:val="16"/>
      <w:szCs w:val="20"/>
    </w:rPr>
  </w:style>
  <w:style w:type="character" w:customStyle="1" w:styleId="TextvysvtlivekChar">
    <w:name w:val="Text vysvětlivek Char"/>
    <w:basedOn w:val="Standardnpsmoodstavce"/>
    <w:link w:val="Textvysvtlivek"/>
    <w:uiPriority w:val="99"/>
    <w:semiHidden/>
    <w:rsid w:val="004D2510"/>
    <w:rPr>
      <w:rFonts w:cs="Times New Roman"/>
      <w:sz w:val="16"/>
      <w:szCs w:val="20"/>
      <w:lang w:val="cs-CZ"/>
    </w:rPr>
  </w:style>
  <w:style w:type="character" w:customStyle="1" w:styleId="Nadpis1Char">
    <w:name w:val="Nadpis 1 Char"/>
    <w:basedOn w:val="Standardnpsmoodstavce"/>
    <w:link w:val="Nadpis1"/>
    <w:uiPriority w:val="9"/>
    <w:rsid w:val="004D2510"/>
    <w:rPr>
      <w:rFonts w:eastAsia="Times New Roman" w:cs="Times New Roman"/>
      <w:b/>
      <w:bCs/>
      <w:caps/>
      <w:szCs w:val="28"/>
      <w:lang w:val="cs-CZ"/>
    </w:rPr>
  </w:style>
  <w:style w:type="character" w:customStyle="1" w:styleId="Nadpis2Char">
    <w:name w:val="Nadpis 2 Char"/>
    <w:basedOn w:val="Standardnpsmoodstavce"/>
    <w:link w:val="Nadpis2"/>
    <w:uiPriority w:val="9"/>
    <w:semiHidden/>
    <w:rsid w:val="004D2510"/>
    <w:rPr>
      <w:rFonts w:eastAsia="Times New Roman" w:cs="Times New Roman"/>
      <w:b/>
      <w:bCs/>
      <w:szCs w:val="26"/>
      <w:lang w:val="cs-CZ"/>
    </w:rPr>
  </w:style>
  <w:style w:type="character" w:customStyle="1" w:styleId="Nadpis3Char">
    <w:name w:val="Nadpis 3 Char"/>
    <w:basedOn w:val="Standardnpsmoodstavce"/>
    <w:link w:val="Nadpis3"/>
    <w:uiPriority w:val="9"/>
    <w:semiHidden/>
    <w:rsid w:val="004D2510"/>
    <w:rPr>
      <w:rFonts w:eastAsia="Times New Roman" w:cs="Times New Roman"/>
      <w:bCs/>
      <w:lang w:val="cs-CZ"/>
    </w:rPr>
  </w:style>
  <w:style w:type="character" w:customStyle="1" w:styleId="Nadpis4Char">
    <w:name w:val="Nadpis 4 Char"/>
    <w:basedOn w:val="Standardnpsmoodstavce"/>
    <w:link w:val="Nadpis4"/>
    <w:uiPriority w:val="9"/>
    <w:semiHidden/>
    <w:rsid w:val="004D2510"/>
    <w:rPr>
      <w:rFonts w:eastAsia="Times New Roman" w:cs="Times New Roman"/>
      <w:bCs/>
      <w:iCs/>
      <w:lang w:val="cs-CZ"/>
    </w:rPr>
  </w:style>
  <w:style w:type="character" w:customStyle="1" w:styleId="Nadpis5Char">
    <w:name w:val="Nadpis 5 Char"/>
    <w:basedOn w:val="Standardnpsmoodstavce"/>
    <w:link w:val="Nadpis5"/>
    <w:uiPriority w:val="9"/>
    <w:semiHidden/>
    <w:rsid w:val="004D2510"/>
    <w:rPr>
      <w:rFonts w:eastAsia="Times New Roman" w:cs="Times New Roman"/>
      <w:lang w:val="cs-CZ"/>
    </w:rPr>
  </w:style>
  <w:style w:type="character" w:customStyle="1" w:styleId="Nadpis6Char">
    <w:name w:val="Nadpis 6 Char"/>
    <w:basedOn w:val="Standardnpsmoodstavce"/>
    <w:link w:val="Nadpis6"/>
    <w:uiPriority w:val="9"/>
    <w:semiHidden/>
    <w:rsid w:val="004D2510"/>
    <w:rPr>
      <w:rFonts w:eastAsia="Times New Roman" w:cs="Times New Roman"/>
      <w:iCs/>
      <w:lang w:val="cs-CZ"/>
    </w:rPr>
  </w:style>
  <w:style w:type="character" w:customStyle="1" w:styleId="Nadpis7Char">
    <w:name w:val="Nadpis 7 Char"/>
    <w:basedOn w:val="Standardnpsmoodstavce"/>
    <w:link w:val="Nadpis7"/>
    <w:uiPriority w:val="9"/>
    <w:semiHidden/>
    <w:rsid w:val="004D2510"/>
    <w:rPr>
      <w:rFonts w:eastAsia="Times New Roman" w:cs="Times New Roman"/>
      <w:iCs/>
      <w:lang w:val="cs-CZ"/>
    </w:rPr>
  </w:style>
  <w:style w:type="character" w:customStyle="1" w:styleId="Nadpis8Char">
    <w:name w:val="Nadpis 8 Char"/>
    <w:basedOn w:val="Standardnpsmoodstavce"/>
    <w:link w:val="Nadpis8"/>
    <w:uiPriority w:val="9"/>
    <w:semiHidden/>
    <w:rsid w:val="004D2510"/>
    <w:rPr>
      <w:rFonts w:eastAsia="Times New Roman" w:cs="Times New Roman"/>
      <w:szCs w:val="20"/>
      <w:lang w:val="cs-CZ"/>
    </w:rPr>
  </w:style>
  <w:style w:type="character" w:customStyle="1" w:styleId="Nadpis9Char">
    <w:name w:val="Nadpis 9 Char"/>
    <w:basedOn w:val="Standardnpsmoodstavce"/>
    <w:link w:val="Nadpis9"/>
    <w:uiPriority w:val="9"/>
    <w:semiHidden/>
    <w:rsid w:val="00554D92"/>
    <w:rPr>
      <w:rFonts w:eastAsia="Times New Roman" w:cs="Times New Roman"/>
      <w:iCs/>
      <w:szCs w:val="20"/>
      <w:lang w:val="cs-CZ"/>
    </w:rPr>
  </w:style>
  <w:style w:type="paragraph" w:styleId="Hlavikaobsahu">
    <w:name w:val="toa heading"/>
    <w:basedOn w:val="AONormal"/>
    <w:next w:val="Seznamcitac"/>
    <w:uiPriority w:val="99"/>
    <w:semiHidden/>
    <w:unhideWhenUsed/>
    <w:rsid w:val="004D2510"/>
    <w:pPr>
      <w:tabs>
        <w:tab w:val="right" w:leader="dot" w:pos="9490"/>
      </w:tabs>
      <w:spacing w:before="240" w:after="120" w:line="240" w:lineRule="auto"/>
    </w:pPr>
    <w:rPr>
      <w:rFonts w:eastAsia="Times New Roman"/>
      <w:b/>
      <w:bCs/>
      <w:szCs w:val="24"/>
    </w:rPr>
  </w:style>
  <w:style w:type="paragraph" w:styleId="Seznamcitac">
    <w:name w:val="table of authorities"/>
    <w:basedOn w:val="AONormal"/>
    <w:uiPriority w:val="99"/>
    <w:semiHidden/>
    <w:unhideWhenUsed/>
    <w:rsid w:val="004D2510"/>
    <w:pPr>
      <w:tabs>
        <w:tab w:val="right" w:leader="dot" w:pos="9490"/>
      </w:tabs>
      <w:spacing w:before="240" w:line="240" w:lineRule="auto"/>
      <w:ind w:left="720" w:hanging="720"/>
    </w:pPr>
  </w:style>
  <w:style w:type="paragraph" w:styleId="Adresanaoblku">
    <w:name w:val="envelope address"/>
    <w:basedOn w:val="Normln"/>
    <w:uiPriority w:val="99"/>
    <w:semiHidden/>
    <w:unhideWhenUsed/>
    <w:rsid w:val="004D2510"/>
    <w:pPr>
      <w:framePr w:w="7920" w:h="1980" w:hRule="exact" w:hSpace="180" w:wrap="auto" w:hAnchor="page" w:xAlign="center" w:yAlign="bottom"/>
      <w:ind w:left="2880"/>
    </w:pPr>
    <w:rPr>
      <w:rFonts w:eastAsia="Times New Roman"/>
      <w:szCs w:val="24"/>
    </w:rPr>
  </w:style>
  <w:style w:type="paragraph" w:styleId="Zptenadresanaoblku">
    <w:name w:val="envelope return"/>
    <w:basedOn w:val="Normln"/>
    <w:uiPriority w:val="99"/>
    <w:semiHidden/>
    <w:unhideWhenUsed/>
    <w:rsid w:val="004D2510"/>
    <w:rPr>
      <w:rFonts w:eastAsia="Times New Roman"/>
      <w:sz w:val="20"/>
      <w:szCs w:val="20"/>
    </w:rPr>
  </w:style>
  <w:style w:type="paragraph" w:customStyle="1" w:styleId="AOListNumber">
    <w:name w:val="AOListNumber"/>
    <w:basedOn w:val="AOBodyTxt"/>
    <w:rsid w:val="004D2510"/>
    <w:pPr>
      <w:numPr>
        <w:numId w:val="18"/>
      </w:numPr>
      <w:tabs>
        <w:tab w:val="clear" w:pos="720"/>
      </w:tabs>
    </w:pPr>
  </w:style>
  <w:style w:type="table" w:styleId="Mkatabulky">
    <w:name w:val="Table Grid"/>
    <w:basedOn w:val="Normlntabulka"/>
    <w:uiPriority w:val="59"/>
    <w:rsid w:val="00A613E9"/>
    <w:pPr>
      <w:spacing w:line="240" w:lineRule="auto"/>
    </w:pPr>
    <w:tblPr>
      <w:tblCellMar>
        <w:left w:w="0" w:type="dxa"/>
        <w:right w:w="0" w:type="dxa"/>
      </w:tblCellMar>
    </w:tblPr>
  </w:style>
  <w:style w:type="character" w:styleId="Zstupntext">
    <w:name w:val="Placeholder Text"/>
    <w:basedOn w:val="Standardnpsmoodstavce"/>
    <w:uiPriority w:val="99"/>
    <w:semiHidden/>
    <w:rsid w:val="00A96094"/>
    <w:rPr>
      <w:color w:val="808080"/>
      <w:lang w:val="cs-CZ"/>
    </w:rPr>
  </w:style>
  <w:style w:type="paragraph" w:styleId="Textbubliny">
    <w:name w:val="Balloon Text"/>
    <w:basedOn w:val="Normln"/>
    <w:link w:val="TextbublinyChar"/>
    <w:uiPriority w:val="99"/>
    <w:semiHidden/>
    <w:unhideWhenUsed/>
    <w:rsid w:val="00A96094"/>
    <w:rPr>
      <w:rFonts w:ascii="Tahoma" w:hAnsi="Tahoma" w:cs="Tahoma"/>
      <w:sz w:val="16"/>
      <w:szCs w:val="16"/>
    </w:rPr>
  </w:style>
  <w:style w:type="character" w:customStyle="1" w:styleId="TextbublinyChar">
    <w:name w:val="Text bubliny Char"/>
    <w:basedOn w:val="Standardnpsmoodstavce"/>
    <w:link w:val="Textbubliny"/>
    <w:uiPriority w:val="99"/>
    <w:semiHidden/>
    <w:rsid w:val="00A96094"/>
    <w:rPr>
      <w:rFonts w:ascii="Tahoma" w:hAnsi="Tahoma" w:cs="Tahoma"/>
      <w:sz w:val="16"/>
      <w:szCs w:val="16"/>
      <w:lang w:val="cs-CZ"/>
    </w:rPr>
  </w:style>
  <w:style w:type="paragraph" w:styleId="Seznamsodrkami">
    <w:name w:val="List Bullet"/>
    <w:basedOn w:val="Normln"/>
    <w:uiPriority w:val="99"/>
    <w:semiHidden/>
    <w:unhideWhenUsed/>
    <w:rsid w:val="0068412E"/>
    <w:pPr>
      <w:tabs>
        <w:tab w:val="num" w:pos="720"/>
      </w:tabs>
      <w:ind w:left="720" w:hanging="720"/>
      <w:contextualSpacing/>
    </w:pPr>
  </w:style>
  <w:style w:type="paragraph" w:styleId="slovanseznam">
    <w:name w:val="List Number"/>
    <w:basedOn w:val="Normln"/>
    <w:uiPriority w:val="99"/>
    <w:semiHidden/>
    <w:unhideWhenUsed/>
    <w:rsid w:val="0068412E"/>
    <w:pPr>
      <w:tabs>
        <w:tab w:val="num" w:pos="720"/>
      </w:tabs>
      <w:ind w:left="720" w:hanging="720"/>
      <w:contextualSpacing/>
    </w:pPr>
  </w:style>
  <w:style w:type="character" w:styleId="Znakapoznpodarou">
    <w:name w:val="footnote reference"/>
    <w:basedOn w:val="Standardnpsmoodstavce"/>
    <w:uiPriority w:val="99"/>
    <w:semiHidden/>
    <w:unhideWhenUsed/>
    <w:rsid w:val="00927D27"/>
    <w:rPr>
      <w:vertAlign w:val="superscript"/>
      <w:lang w:val="cs-CZ"/>
    </w:rPr>
  </w:style>
  <w:style w:type="character" w:styleId="Hypertextovodkaz">
    <w:name w:val="Hyperlink"/>
    <w:basedOn w:val="Standardnpsmoodstavce"/>
    <w:uiPriority w:val="99"/>
    <w:unhideWhenUsed/>
    <w:rsid w:val="00F266A5"/>
    <w:rPr>
      <w:color w:val="5C6F7B" w:themeColor="hyperlink"/>
      <w:u w:val="single"/>
    </w:rPr>
  </w:style>
  <w:style w:type="table" w:customStyle="1" w:styleId="AOHdrFtrTblStyle">
    <w:name w:val="AOHdrFtrTblStyle"/>
    <w:basedOn w:val="Mkatabulky"/>
    <w:rsid w:val="00F266A5"/>
    <w:tblPr/>
  </w:style>
  <w:style w:type="table" w:styleId="Svtltabulkasmkou1zvraznn3">
    <w:name w:val="Grid Table 1 Light Accent 3"/>
    <w:basedOn w:val="Normlntabulka"/>
    <w:uiPriority w:val="46"/>
    <w:rsid w:val="005E43CD"/>
    <w:pPr>
      <w:spacing w:line="240" w:lineRule="auto"/>
    </w:pPr>
    <w:tblPr>
      <w:tblStyleRowBandSize w:val="1"/>
      <w:tblStyleColBandSize w:val="1"/>
      <w:tblBorders>
        <w:top w:val="single" w:sz="4" w:space="0" w:color="BBC5CC" w:themeColor="accent3" w:themeTint="66"/>
        <w:left w:val="single" w:sz="4" w:space="0" w:color="BBC5CC" w:themeColor="accent3" w:themeTint="66"/>
        <w:bottom w:val="single" w:sz="4" w:space="0" w:color="BBC5CC" w:themeColor="accent3" w:themeTint="66"/>
        <w:right w:val="single" w:sz="4" w:space="0" w:color="BBC5CC" w:themeColor="accent3" w:themeTint="66"/>
        <w:insideH w:val="single" w:sz="4" w:space="0" w:color="BBC5CC" w:themeColor="accent3" w:themeTint="66"/>
        <w:insideV w:val="single" w:sz="4" w:space="0" w:color="BBC5CC" w:themeColor="accent3" w:themeTint="66"/>
      </w:tblBorders>
    </w:tblPr>
    <w:tblStylePr w:type="firstRow">
      <w:rPr>
        <w:b/>
        <w:bCs/>
      </w:rPr>
      <w:tblPr/>
      <w:tcPr>
        <w:tcBorders>
          <w:bottom w:val="single" w:sz="12" w:space="0" w:color="99A9B3" w:themeColor="accent3" w:themeTint="99"/>
        </w:tcBorders>
      </w:tcPr>
    </w:tblStylePr>
    <w:tblStylePr w:type="lastRow">
      <w:rPr>
        <w:b/>
        <w:bCs/>
      </w:rPr>
      <w:tblPr/>
      <w:tcPr>
        <w:tcBorders>
          <w:top w:val="double" w:sz="2" w:space="0" w:color="99A9B3" w:themeColor="accent3" w:themeTint="99"/>
        </w:tcBorders>
      </w:tcPr>
    </w:tblStylePr>
    <w:tblStylePr w:type="firstCol">
      <w:rPr>
        <w:b/>
        <w:bCs/>
      </w:rPr>
    </w:tblStylePr>
    <w:tblStylePr w:type="lastCol">
      <w:rPr>
        <w:b/>
        <w:bCs/>
      </w:rPr>
    </w:tblStylePr>
  </w:style>
  <w:style w:type="paragraph" w:styleId="FormtovanvHTML">
    <w:name w:val="HTML Preformatted"/>
    <w:basedOn w:val="Normln"/>
    <w:link w:val="FormtovanvHTMLChar"/>
    <w:uiPriority w:val="99"/>
    <w:semiHidden/>
    <w:unhideWhenUsed/>
    <w:rsid w:val="00C22835"/>
    <w:rPr>
      <w:rFonts w:ascii="Consolas" w:hAnsi="Consolas"/>
      <w:sz w:val="20"/>
      <w:szCs w:val="20"/>
    </w:rPr>
  </w:style>
  <w:style w:type="character" w:customStyle="1" w:styleId="FormtovanvHTMLChar">
    <w:name w:val="Formátovaný v HTML Char"/>
    <w:basedOn w:val="Standardnpsmoodstavce"/>
    <w:link w:val="FormtovanvHTML"/>
    <w:uiPriority w:val="99"/>
    <w:semiHidden/>
    <w:rsid w:val="00C22835"/>
    <w:rPr>
      <w:rFonts w:ascii="Consolas" w:hAnsi="Consolas" w:cs="Times New Roman"/>
      <w:sz w:val="20"/>
      <w:szCs w:val="20"/>
      <w:lang w:val="cs-CZ"/>
    </w:rPr>
  </w:style>
  <w:style w:type="character" w:styleId="Odkaznakoment">
    <w:name w:val="annotation reference"/>
    <w:basedOn w:val="Standardnpsmoodstavce"/>
    <w:uiPriority w:val="99"/>
    <w:semiHidden/>
    <w:unhideWhenUsed/>
    <w:rsid w:val="00451873"/>
    <w:rPr>
      <w:sz w:val="16"/>
      <w:szCs w:val="16"/>
    </w:rPr>
  </w:style>
  <w:style w:type="paragraph" w:styleId="Pedmtkomente">
    <w:name w:val="annotation subject"/>
    <w:basedOn w:val="Textkomente"/>
    <w:next w:val="Textkomente"/>
    <w:link w:val="PedmtkomenteChar"/>
    <w:uiPriority w:val="99"/>
    <w:semiHidden/>
    <w:unhideWhenUsed/>
    <w:rsid w:val="00451873"/>
    <w:rPr>
      <w:b/>
      <w:bCs/>
      <w:sz w:val="20"/>
    </w:rPr>
  </w:style>
  <w:style w:type="character" w:customStyle="1" w:styleId="PedmtkomenteChar">
    <w:name w:val="Předmět komentáře Char"/>
    <w:basedOn w:val="TextkomenteChar"/>
    <w:link w:val="Pedmtkomente"/>
    <w:uiPriority w:val="99"/>
    <w:semiHidden/>
    <w:rsid w:val="00451873"/>
    <w:rPr>
      <w:rFonts w:cs="Times New Roman"/>
      <w:b/>
      <w:bCs/>
      <w:sz w:val="20"/>
      <w:szCs w:val="20"/>
      <w:lang w:val="cs-CZ"/>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364252925">
      <w:bodyDiv w:val="1"/>
      <w:marLeft w:val="0"/>
      <w:marRight w:val="0"/>
      <w:marTop w:val="0"/>
      <w:marBottom w:val="0"/>
      <w:divBdr>
        <w:top w:val="none" w:sz="0" w:space="0" w:color="auto"/>
        <w:left w:val="none" w:sz="0" w:space="0" w:color="auto"/>
        <w:bottom w:val="none" w:sz="0" w:space="0" w:color="auto"/>
        <w:right w:val="none" w:sz="0" w:space="0" w:color="auto"/>
      </w:divBdr>
    </w:div>
    <w:div w:id="462424158">
      <w:bodyDiv w:val="1"/>
      <w:marLeft w:val="0"/>
      <w:marRight w:val="0"/>
      <w:marTop w:val="0"/>
      <w:marBottom w:val="0"/>
      <w:divBdr>
        <w:top w:val="none" w:sz="0" w:space="0" w:color="auto"/>
        <w:left w:val="none" w:sz="0" w:space="0" w:color="auto"/>
        <w:bottom w:val="none" w:sz="0" w:space="0" w:color="auto"/>
        <w:right w:val="none" w:sz="0" w:space="0" w:color="auto"/>
      </w:divBdr>
    </w:div>
    <w:div w:id="501893887">
      <w:bodyDiv w:val="1"/>
      <w:marLeft w:val="0"/>
      <w:marRight w:val="0"/>
      <w:marTop w:val="0"/>
      <w:marBottom w:val="0"/>
      <w:divBdr>
        <w:top w:val="none" w:sz="0" w:space="0" w:color="auto"/>
        <w:left w:val="none" w:sz="0" w:space="0" w:color="auto"/>
        <w:bottom w:val="none" w:sz="0" w:space="0" w:color="auto"/>
        <w:right w:val="none" w:sz="0" w:space="0" w:color="auto"/>
      </w:divBdr>
    </w:div>
    <w:div w:id="1242250491">
      <w:bodyDiv w:val="1"/>
      <w:marLeft w:val="0"/>
      <w:marRight w:val="0"/>
      <w:marTop w:val="0"/>
      <w:marBottom w:val="0"/>
      <w:divBdr>
        <w:top w:val="none" w:sz="0" w:space="0" w:color="auto"/>
        <w:left w:val="none" w:sz="0" w:space="0" w:color="auto"/>
        <w:bottom w:val="none" w:sz="0" w:space="0" w:color="auto"/>
        <w:right w:val="none" w:sz="0" w:space="0" w:color="auto"/>
      </w:divBdr>
    </w:div>
    <w:div w:id="1450123823">
      <w:bodyDiv w:val="1"/>
      <w:marLeft w:val="0"/>
      <w:marRight w:val="0"/>
      <w:marTop w:val="0"/>
      <w:marBottom w:val="0"/>
      <w:divBdr>
        <w:top w:val="none" w:sz="0" w:space="0" w:color="auto"/>
        <w:left w:val="none" w:sz="0" w:space="0" w:color="auto"/>
        <w:bottom w:val="none" w:sz="0" w:space="0" w:color="auto"/>
        <w:right w:val="none" w:sz="0" w:space="0" w:color="auto"/>
      </w:divBdr>
    </w:div>
    <w:div w:id="1589387562">
      <w:bodyDiv w:val="1"/>
      <w:marLeft w:val="0"/>
      <w:marRight w:val="0"/>
      <w:marTop w:val="0"/>
      <w:marBottom w:val="0"/>
      <w:divBdr>
        <w:top w:val="none" w:sz="0" w:space="0" w:color="auto"/>
        <w:left w:val="none" w:sz="0" w:space="0" w:color="auto"/>
        <w:bottom w:val="none" w:sz="0" w:space="0" w:color="auto"/>
        <w:right w:val="none" w:sz="0" w:space="0" w:color="auto"/>
      </w:divBdr>
    </w:div>
    <w:div w:id="18734169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hyperlink" Target="http://www.allenovery.com/legal-notices/Pages/Services-to-clients.aspx" TargetMode="External"/><Relationship Id="rId13" Type="http://schemas.openxmlformats.org/officeDocument/2006/relationships/header" Target="header3.xml"/><Relationship Id="rId3" Type="http://schemas.openxmlformats.org/officeDocument/2006/relationships/settings" Target="settings.xml"/><Relationship Id="rId7" Type="http://schemas.openxmlformats.org/officeDocument/2006/relationships/hyperlink" Target="http://www.allenovery.com/legal-notices" TargetMode="External"/><Relationship Id="rId12" Type="http://schemas.openxmlformats.org/officeDocument/2006/relationships/footer" Target="footer2.xml"/><Relationship Id="rId17" Type="http://schemas.openxmlformats.org/officeDocument/2006/relationships/theme" Target="theme/theme1.xml"/><Relationship Id="rId2" Type="http://schemas.openxmlformats.org/officeDocument/2006/relationships/styles" Target="styles.xml"/><Relationship Id="rId16" Type="http://schemas.openxmlformats.org/officeDocument/2006/relationships/glossaryDocument" Target="glossary/document.xml"/><Relationship Id="rId1" Type="http://schemas.openxmlformats.org/officeDocument/2006/relationships/numbering" Target="numbering.xml"/><Relationship Id="rId6" Type="http://schemas.openxmlformats.org/officeDocument/2006/relationships/endnotes" Target="endnotes.xml"/><Relationship Id="rId11" Type="http://schemas.openxmlformats.org/officeDocument/2006/relationships/footer" Target="footer1.xml"/><Relationship Id="rId5" Type="http://schemas.openxmlformats.org/officeDocument/2006/relationships/footnotes" Target="footnotes.xml"/><Relationship Id="rId15" Type="http://schemas.openxmlformats.org/officeDocument/2006/relationships/fontTable" Target="fontTable.xml"/><Relationship Id="rId10" Type="http://schemas.openxmlformats.org/officeDocument/2006/relationships/header" Target="header2.xml"/><Relationship Id="rId4" Type="http://schemas.openxmlformats.org/officeDocument/2006/relationships/webSettings" Target="webSettings.xml"/><Relationship Id="rId9" Type="http://schemas.openxmlformats.org/officeDocument/2006/relationships/header" Target="header1.xml"/><Relationship Id="rId14" Type="http://schemas.openxmlformats.org/officeDocument/2006/relationships/footer" Target="footer3.xml"/></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EB1B93411D60438487C9E0354A500160"/>
        <w:category>
          <w:name w:val="General"/>
          <w:gallery w:val="placeholder"/>
        </w:category>
        <w:types>
          <w:type w:val="bbPlcHdr"/>
        </w:types>
        <w:behaviors>
          <w:behavior w:val="content"/>
        </w:behaviors>
        <w:guid w:val="{E848BAD6-1DF1-4F95-B6D9-3EB5BF7FF892}"/>
      </w:docPartPr>
      <w:docPartBody>
        <w:p w:rsidR="005251F2" w:rsidRDefault="00AA3ED2" w:rsidP="00AA3ED2">
          <w:pPr>
            <w:pStyle w:val="EB1B93411D60438487C9E0354A500160"/>
          </w:pPr>
          <w:r w:rsidRPr="00DE0DFC">
            <w:t xml:space="preserve"> </w:t>
          </w:r>
        </w:p>
      </w:docPartBody>
    </w:docPart>
    <w:docPart>
      <w:docPartPr>
        <w:name w:val="4BC542073CB740569D6CD78A47394011"/>
        <w:category>
          <w:name w:val="General"/>
          <w:gallery w:val="placeholder"/>
        </w:category>
        <w:types>
          <w:type w:val="bbPlcHdr"/>
        </w:types>
        <w:behaviors>
          <w:behavior w:val="content"/>
        </w:behaviors>
        <w:guid w:val="{52319984-43AB-497C-ADB0-2C2CFC357AE6}"/>
      </w:docPartPr>
      <w:docPartBody>
        <w:p w:rsidR="005251F2" w:rsidRDefault="00AA3ED2" w:rsidP="00AA3ED2">
          <w:pPr>
            <w:pStyle w:val="4BC542073CB740569D6CD78A47394011"/>
          </w:pPr>
          <w:r w:rsidRPr="00DE0DFC">
            <w:t xml:space="preserve"> </w:t>
          </w:r>
        </w:p>
      </w:docPartBody>
    </w:docPart>
    <w:docPart>
      <w:docPartPr>
        <w:name w:val="EC26128AEE71480288F0D25D028C6C45"/>
        <w:category>
          <w:name w:val="General"/>
          <w:gallery w:val="placeholder"/>
        </w:category>
        <w:types>
          <w:type w:val="bbPlcHdr"/>
        </w:types>
        <w:behaviors>
          <w:behavior w:val="content"/>
        </w:behaviors>
        <w:guid w:val="{22902F8E-8F63-422A-BDEB-7B0314678833}"/>
      </w:docPartPr>
      <w:docPartBody>
        <w:p w:rsidR="005251F2" w:rsidRDefault="00AA3ED2" w:rsidP="00AA3ED2">
          <w:pPr>
            <w:pStyle w:val="EC26128AEE71480288F0D25D028C6C45"/>
          </w:pPr>
          <w:r w:rsidRPr="00DE0DFC">
            <w:t xml:space="preserve"> </w:t>
          </w:r>
        </w:p>
      </w:docPartBody>
    </w:docPart>
    <w:docPart>
      <w:docPartPr>
        <w:name w:val="C55C08ACFD6747F78CF6BF9C4261CD8A"/>
        <w:category>
          <w:name w:val="General"/>
          <w:gallery w:val="placeholder"/>
        </w:category>
        <w:types>
          <w:type w:val="bbPlcHdr"/>
        </w:types>
        <w:behaviors>
          <w:behavior w:val="content"/>
        </w:behaviors>
        <w:guid w:val="{92F45F83-794A-492C-A6C8-858E5B9761EE}"/>
      </w:docPartPr>
      <w:docPartBody>
        <w:p w:rsidR="005251F2" w:rsidRDefault="00AA3ED2" w:rsidP="00AA3ED2">
          <w:pPr>
            <w:pStyle w:val="C55C08ACFD6747F78CF6BF9C4261CD8A"/>
          </w:pPr>
          <w:r>
            <w:rPr>
              <w:rStyle w:val="Zstupntext"/>
            </w:rPr>
            <w:t>Click or tap here to enter text.</w:t>
          </w:r>
        </w:p>
      </w:docPartBody>
    </w:docPart>
    <w:docPart>
      <w:docPartPr>
        <w:name w:val="1BE42D6A96E248CFA20246749D6D1BEC"/>
        <w:category>
          <w:name w:val="General"/>
          <w:gallery w:val="placeholder"/>
        </w:category>
        <w:types>
          <w:type w:val="bbPlcHdr"/>
        </w:types>
        <w:behaviors>
          <w:behavior w:val="content"/>
        </w:behaviors>
        <w:guid w:val="{86B64899-58D9-4164-92B8-F21B2A19696F}"/>
      </w:docPartPr>
      <w:docPartBody>
        <w:p w:rsidR="005251F2" w:rsidRDefault="00AA3ED2" w:rsidP="00AA3ED2">
          <w:pPr>
            <w:pStyle w:val="1BE42D6A96E248CFA20246749D6D1BEC"/>
          </w:pPr>
          <w:r w:rsidRPr="00DE0DFC">
            <w:t xml:space="preserve"> </w:t>
          </w:r>
        </w:p>
      </w:docPartBody>
    </w:docPart>
    <w:docPart>
      <w:docPartPr>
        <w:name w:val="019C4972CC894134BA61C8DFC2D9A535"/>
        <w:category>
          <w:name w:val="General"/>
          <w:gallery w:val="placeholder"/>
        </w:category>
        <w:types>
          <w:type w:val="bbPlcHdr"/>
        </w:types>
        <w:behaviors>
          <w:behavior w:val="content"/>
        </w:behaviors>
        <w:guid w:val="{A129C691-89C2-4C6A-8D94-6A525030D81B}"/>
      </w:docPartPr>
      <w:docPartBody>
        <w:p w:rsidR="005251F2" w:rsidRDefault="00AA3ED2" w:rsidP="00AA3ED2">
          <w:pPr>
            <w:pStyle w:val="019C4972CC894134BA61C8DFC2D9A535"/>
          </w:pPr>
          <w:r w:rsidRPr="00DE0DFC">
            <w:t xml:space="preserve"> </w:t>
          </w:r>
        </w:p>
      </w:docPartBody>
    </w:docPart>
    <w:docPart>
      <w:docPartPr>
        <w:name w:val="A9F71B0CE2694AFD9889E6078C35D444"/>
        <w:category>
          <w:name w:val="General"/>
          <w:gallery w:val="placeholder"/>
        </w:category>
        <w:types>
          <w:type w:val="bbPlcHdr"/>
        </w:types>
        <w:behaviors>
          <w:behavior w:val="content"/>
        </w:behaviors>
        <w:guid w:val="{45993F7C-4962-40A0-BC8D-341CFDA3C91A}"/>
      </w:docPartPr>
      <w:docPartBody>
        <w:p w:rsidR="005251F2" w:rsidRDefault="00AA3ED2" w:rsidP="00AA3ED2">
          <w:pPr>
            <w:pStyle w:val="A9F71B0CE2694AFD9889E6078C35D444"/>
          </w:pPr>
          <w:r>
            <w:rPr>
              <w:rStyle w:val="Zstupntext"/>
            </w:rPr>
            <w:t>Click or tap here to enter text.</w:t>
          </w:r>
        </w:p>
      </w:docPartBody>
    </w:docPart>
    <w:docPart>
      <w:docPartPr>
        <w:name w:val="3849D409DCD942F6AE6E3C6A973ABD2C"/>
        <w:category>
          <w:name w:val="General"/>
          <w:gallery w:val="placeholder"/>
        </w:category>
        <w:types>
          <w:type w:val="bbPlcHdr"/>
        </w:types>
        <w:behaviors>
          <w:behavior w:val="content"/>
        </w:behaviors>
        <w:guid w:val="{CF8ACF0C-2479-423A-AB79-5E052E96EF52}"/>
      </w:docPartPr>
      <w:docPartBody>
        <w:p w:rsidR="005251F2" w:rsidRDefault="00AA3ED2" w:rsidP="00AA3ED2">
          <w:pPr>
            <w:pStyle w:val="3849D409DCD942F6AE6E3C6A973ABD2C"/>
          </w:pPr>
          <w:r w:rsidRPr="00DE0DFC">
            <w:t xml:space="preserve"> </w:t>
          </w:r>
        </w:p>
      </w:docPartBody>
    </w:docPart>
    <w:docPart>
      <w:docPartPr>
        <w:name w:val="D3EDDE006838458192C3F7302AC6E9C5"/>
        <w:category>
          <w:name w:val="General"/>
          <w:gallery w:val="placeholder"/>
        </w:category>
        <w:types>
          <w:type w:val="bbPlcHdr"/>
        </w:types>
        <w:behaviors>
          <w:behavior w:val="content"/>
        </w:behaviors>
        <w:guid w:val="{33BAC2C0-72C1-4221-B327-96F3929283F1}"/>
      </w:docPartPr>
      <w:docPartBody>
        <w:p w:rsidR="005251F2" w:rsidRDefault="00BE6FC3" w:rsidP="00AA3ED2">
          <w:pPr>
            <w:pStyle w:val="D3EDDE006838458192C3F7302AC6E9C5"/>
          </w:pPr>
          <w:r w:rsidRPr="00DE0DFC">
            <w:t xml:space="preserve"> </w:t>
          </w:r>
        </w:p>
      </w:docPartBody>
    </w:docPart>
    <w:docPart>
      <w:docPartPr>
        <w:name w:val="9CC139F402684C62B5899813DA25F904"/>
        <w:category>
          <w:name w:val="General"/>
          <w:gallery w:val="placeholder"/>
        </w:category>
        <w:types>
          <w:type w:val="bbPlcHdr"/>
        </w:types>
        <w:behaviors>
          <w:behavior w:val="content"/>
        </w:behaviors>
        <w:guid w:val="{13EDF0B1-B3B0-4D1D-B6A4-18DEDF6289E7}"/>
      </w:docPartPr>
      <w:docPartBody>
        <w:p w:rsidR="005251F2" w:rsidRDefault="00AA3ED2" w:rsidP="00AA3ED2">
          <w:pPr>
            <w:pStyle w:val="9CC139F402684C62B5899813DA25F904"/>
          </w:pPr>
          <w:r w:rsidRPr="00CE76CF">
            <w:rPr>
              <w:rStyle w:val="Zstupntext"/>
            </w:rPr>
            <w:t>Click or tap here to enter text.</w:t>
          </w:r>
        </w:p>
      </w:docPartBody>
    </w:docPart>
    <w:docPart>
      <w:docPartPr>
        <w:name w:val="D0353EE14C8943B3AF32EA976BDBC8BD"/>
        <w:category>
          <w:name w:val="General"/>
          <w:gallery w:val="placeholder"/>
        </w:category>
        <w:types>
          <w:type w:val="bbPlcHdr"/>
        </w:types>
        <w:behaviors>
          <w:behavior w:val="content"/>
        </w:behaviors>
        <w:guid w:val="{39DA4A50-0223-439B-B7E0-F8F67C4AA63E}"/>
      </w:docPartPr>
      <w:docPartBody>
        <w:p w:rsidR="005251F2" w:rsidRDefault="00BE6FC3" w:rsidP="00AA3ED2">
          <w:pPr>
            <w:pStyle w:val="D0353EE14C8943B3AF32EA976BDBC8BD"/>
          </w:pPr>
          <w:r w:rsidRPr="00DE0DFC">
            <w:t xml:space="preserve"> </w:t>
          </w:r>
        </w:p>
      </w:docPartBody>
    </w:docPart>
    <w:docPart>
      <w:docPartPr>
        <w:name w:val="3A9B623847D14D07B1962A9314DCE94C"/>
        <w:category>
          <w:name w:val="General"/>
          <w:gallery w:val="placeholder"/>
        </w:category>
        <w:types>
          <w:type w:val="bbPlcHdr"/>
        </w:types>
        <w:behaviors>
          <w:behavior w:val="content"/>
        </w:behaviors>
        <w:guid w:val="{0F0808B0-33EB-49A5-B990-0050B36B9FE4}"/>
      </w:docPartPr>
      <w:docPartBody>
        <w:p w:rsidR="005251F2" w:rsidRDefault="00AA3ED2" w:rsidP="00AA3ED2">
          <w:pPr>
            <w:pStyle w:val="3A9B623847D14D07B1962A9314DCE94C"/>
          </w:pPr>
          <w:r w:rsidRPr="00DE0DFC">
            <w:t xml:space="preserve"> </w:t>
          </w:r>
        </w:p>
      </w:docPartBody>
    </w:docPart>
    <w:docPart>
      <w:docPartPr>
        <w:name w:val="4BEC8C6EE3A145F1AFCD08552A8ADF1B"/>
        <w:category>
          <w:name w:val="General"/>
          <w:gallery w:val="placeholder"/>
        </w:category>
        <w:types>
          <w:type w:val="bbPlcHdr"/>
        </w:types>
        <w:behaviors>
          <w:behavior w:val="content"/>
        </w:behaviors>
        <w:guid w:val="{011C741A-CB01-40EC-B30C-22550A8BE623}"/>
      </w:docPartPr>
      <w:docPartBody>
        <w:p w:rsidR="005251F2" w:rsidRDefault="00AA3ED2" w:rsidP="00AA3ED2">
          <w:pPr>
            <w:pStyle w:val="4BEC8C6EE3A145F1AFCD08552A8ADF1B"/>
          </w:pPr>
          <w:r w:rsidRPr="00DE0DFC">
            <w:t xml:space="preserve"> </w:t>
          </w:r>
        </w:p>
      </w:docPartBody>
    </w:docPart>
    <w:docPart>
      <w:docPartPr>
        <w:name w:val="2D713FDF862E4DE0ACC6CA823A887DE7"/>
        <w:category>
          <w:name w:val="General"/>
          <w:gallery w:val="placeholder"/>
        </w:category>
        <w:types>
          <w:type w:val="bbPlcHdr"/>
        </w:types>
        <w:behaviors>
          <w:behavior w:val="content"/>
        </w:behaviors>
        <w:guid w:val="{7E515046-BAA8-4E50-A082-8268FAEF0E45}"/>
      </w:docPartPr>
      <w:docPartBody>
        <w:p w:rsidR="005251F2" w:rsidRDefault="00AA3ED2" w:rsidP="00AA3ED2">
          <w:pPr>
            <w:pStyle w:val="2D713FDF862E4DE0ACC6CA823A887DE7"/>
          </w:pPr>
          <w:r w:rsidRPr="00CE76CF">
            <w:rPr>
              <w:rStyle w:val="Zstupntext"/>
            </w:rPr>
            <w:t>Click or tap here to enter text.</w:t>
          </w:r>
        </w:p>
      </w:docPartBody>
    </w:docPart>
    <w:docPart>
      <w:docPartPr>
        <w:name w:val="8C860FD1BA944C4FBFDB1B93A992E3DF"/>
        <w:category>
          <w:name w:val="General"/>
          <w:gallery w:val="placeholder"/>
        </w:category>
        <w:types>
          <w:type w:val="bbPlcHdr"/>
        </w:types>
        <w:behaviors>
          <w:behavior w:val="content"/>
        </w:behaviors>
        <w:guid w:val="{EEF05ECC-A39E-45A8-87F2-32F0D509F977}"/>
      </w:docPartPr>
      <w:docPartBody>
        <w:p w:rsidR="005251F2" w:rsidRDefault="00AA3ED2" w:rsidP="00AA3ED2">
          <w:pPr>
            <w:pStyle w:val="8C860FD1BA944C4FBFDB1B93A992E3DF"/>
          </w:pPr>
          <w:r w:rsidRPr="00DE0DFC">
            <w:t xml:space="preserve"> </w:t>
          </w:r>
        </w:p>
      </w:docPartBody>
    </w:docPart>
    <w:docPart>
      <w:docPartPr>
        <w:name w:val="4D7006666E9C4FA0B7D3FE999FE11D6A"/>
        <w:category>
          <w:name w:val="General"/>
          <w:gallery w:val="placeholder"/>
        </w:category>
        <w:types>
          <w:type w:val="bbPlcHdr"/>
        </w:types>
        <w:behaviors>
          <w:behavior w:val="content"/>
        </w:behaviors>
        <w:guid w:val="{C614C7B5-0875-4C5F-B10B-591D91F8E9D7}"/>
      </w:docPartPr>
      <w:docPartBody>
        <w:p w:rsidR="00227901" w:rsidRDefault="00CA6DEA" w:rsidP="00CA6DEA">
          <w:pPr>
            <w:pStyle w:val="4D7006666E9C4FA0B7D3FE999FE11D6A"/>
          </w:pPr>
          <w:r w:rsidRPr="00965A00">
            <w:rPr>
              <w:rStyle w:val="Zstupntext"/>
            </w:rPr>
            <w:t>Click or tap here to enter text.</w:t>
          </w:r>
        </w:p>
      </w:docPartBody>
    </w:docPart>
    <w:docPart>
      <w:docPartPr>
        <w:name w:val="A9E110A99D0647D79EF4D48AEF619270"/>
        <w:category>
          <w:name w:val="General"/>
          <w:gallery w:val="placeholder"/>
        </w:category>
        <w:types>
          <w:type w:val="bbPlcHdr"/>
        </w:types>
        <w:behaviors>
          <w:behavior w:val="content"/>
        </w:behaviors>
        <w:guid w:val="{FA37B6AB-806B-4313-AD96-A920839FE887}"/>
      </w:docPartPr>
      <w:docPartBody>
        <w:p w:rsidR="006703E7" w:rsidRDefault="00BE6FC3" w:rsidP="00BE6FC3">
          <w:pPr>
            <w:pStyle w:val="A9E110A99D0647D79EF4D48AEF61927016"/>
          </w:pPr>
          <w:r w:rsidRPr="000329A7">
            <w:rPr>
              <w:rStyle w:val="Zstupntext"/>
            </w:rPr>
            <w:t xml:space="preserve"> </w:t>
          </w:r>
        </w:p>
      </w:docPartBody>
    </w:docPart>
    <w:docPart>
      <w:docPartPr>
        <w:name w:val="C0D3286822C54522B2184A6C20872291"/>
        <w:category>
          <w:name w:val="General"/>
          <w:gallery w:val="placeholder"/>
        </w:category>
        <w:types>
          <w:type w:val="bbPlcHdr"/>
        </w:types>
        <w:behaviors>
          <w:behavior w:val="content"/>
        </w:behaviors>
        <w:guid w:val="{4AECDE8E-9B54-4493-BB39-D69A30E140E3}"/>
      </w:docPartPr>
      <w:docPartBody>
        <w:p w:rsidR="006703E7" w:rsidRDefault="00BE6FC3" w:rsidP="00BE6FC3">
          <w:pPr>
            <w:pStyle w:val="C0D3286822C54522B2184A6C2087229116"/>
          </w:pPr>
          <w:r w:rsidRPr="000329A7">
            <w:rPr>
              <w:rStyle w:val="Zstupntext"/>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Times New Roman Bold">
    <w:altName w:val="Times New Roman"/>
    <w:panose1 w:val="00000000000000000000"/>
    <w:charset w:val="00"/>
    <w:family w:val="roman"/>
    <w:notTrueType/>
    <w:pitch w:val="default"/>
  </w:font>
  <w:font w:name="Times New Roman">
    <w:panose1 w:val="02020603050405020304"/>
    <w:charset w:val="EE"/>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EE"/>
    <w:family w:val="swiss"/>
    <w:pitch w:val="variable"/>
    <w:sig w:usb0="E0002EFF" w:usb1="C000785B" w:usb2="00000009" w:usb3="00000000" w:csb0="000001FF" w:csb1="00000000"/>
  </w:font>
  <w:font w:name="Tahoma">
    <w:panose1 w:val="020B0604030504040204"/>
    <w:charset w:val="EE"/>
    <w:family w:val="swiss"/>
    <w:pitch w:val="variable"/>
    <w:sig w:usb0="E1002EFF" w:usb1="C000605B" w:usb2="00000029" w:usb3="00000000" w:csb0="000101FF" w:csb1="00000000"/>
  </w:font>
  <w:font w:name="Consolas">
    <w:panose1 w:val="020B0609020204030204"/>
    <w:charset w:val="EE"/>
    <w:family w:val="modern"/>
    <w:pitch w:val="fixed"/>
    <w:sig w:usb0="E00006FF" w:usb1="0000FCFF" w:usb2="00000001" w:usb3="00000000" w:csb0="0000019F" w:csb1="00000000"/>
  </w:font>
  <w:font w:name="Dotum">
    <w:altName w:val="돋움"/>
    <w:panose1 w:val="020B0600000101010101"/>
    <w:charset w:val="81"/>
    <w:family w:val="swiss"/>
    <w:pitch w:val="variable"/>
    <w:sig w:usb0="B00002AF" w:usb1="69D77CFB" w:usb2="00000030" w:usb3="00000000" w:csb0="0008009F" w:csb1="00000000"/>
  </w:font>
  <w:font w:name="Batang">
    <w:altName w:val="바탕"/>
    <w:panose1 w:val="02030600000101010101"/>
    <w:charset w:val="81"/>
    <w:family w:val="roman"/>
    <w:pitch w:val="variable"/>
    <w:sig w:usb0="B00002AF" w:usb1="69D77CFB" w:usb2="00000030" w:usb3="00000000" w:csb0="0008009F" w:csb1="00000000"/>
  </w:font>
  <w:font w:name="Calibri">
    <w:panose1 w:val="020F0502020204030204"/>
    <w:charset w:val="EE"/>
    <w:family w:val="swiss"/>
    <w:pitch w:val="variable"/>
    <w:sig w:usb0="E4002EFF" w:usb1="C000247B" w:usb2="00000009" w:usb3="00000000" w:csb0="000001FF" w:csb1="00000000"/>
  </w:font>
  <w:font w:name="Malgun Gothic">
    <w:panose1 w:val="020B0503020000020004"/>
    <w:charset w:val="81"/>
    <w:family w:val="swiss"/>
    <w:pitch w:val="variable"/>
    <w:sig w:usb0="9000002F" w:usb1="29D77CFB" w:usb2="00000012" w:usb3="00000000" w:csb0="00080001" w:csb1="00000000"/>
  </w:font>
  <w:font w:name="Calibri Light">
    <w:panose1 w:val="020F0302020204030204"/>
    <w:charset w:val="EE"/>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515242"/>
    <w:rsid w:val="0000219B"/>
    <w:rsid w:val="000041C4"/>
    <w:rsid w:val="000062EA"/>
    <w:rsid w:val="0001765D"/>
    <w:rsid w:val="00030ABB"/>
    <w:rsid w:val="00040041"/>
    <w:rsid w:val="000526AB"/>
    <w:rsid w:val="00057E4F"/>
    <w:rsid w:val="00072D3F"/>
    <w:rsid w:val="000755D7"/>
    <w:rsid w:val="00077BA8"/>
    <w:rsid w:val="00094DDF"/>
    <w:rsid w:val="000C4CAA"/>
    <w:rsid w:val="000C782B"/>
    <w:rsid w:val="000D4745"/>
    <w:rsid w:val="000F631E"/>
    <w:rsid w:val="00131D2E"/>
    <w:rsid w:val="00135B08"/>
    <w:rsid w:val="001362A4"/>
    <w:rsid w:val="00146592"/>
    <w:rsid w:val="00150979"/>
    <w:rsid w:val="001616A2"/>
    <w:rsid w:val="00163622"/>
    <w:rsid w:val="00164768"/>
    <w:rsid w:val="00165253"/>
    <w:rsid w:val="00166EDF"/>
    <w:rsid w:val="00171616"/>
    <w:rsid w:val="00177B19"/>
    <w:rsid w:val="001935B1"/>
    <w:rsid w:val="001A19CC"/>
    <w:rsid w:val="001A6E56"/>
    <w:rsid w:val="001B6C1E"/>
    <w:rsid w:val="001C2B1E"/>
    <w:rsid w:val="001D2226"/>
    <w:rsid w:val="001D3161"/>
    <w:rsid w:val="001E1EFD"/>
    <w:rsid w:val="001E20F7"/>
    <w:rsid w:val="001E670B"/>
    <w:rsid w:val="001F172C"/>
    <w:rsid w:val="0020100A"/>
    <w:rsid w:val="0022672D"/>
    <w:rsid w:val="00227901"/>
    <w:rsid w:val="0023489B"/>
    <w:rsid w:val="0023555B"/>
    <w:rsid w:val="00237628"/>
    <w:rsid w:val="002441E7"/>
    <w:rsid w:val="00246453"/>
    <w:rsid w:val="00246A1D"/>
    <w:rsid w:val="00270E3B"/>
    <w:rsid w:val="00277F31"/>
    <w:rsid w:val="00284902"/>
    <w:rsid w:val="002870C0"/>
    <w:rsid w:val="00296442"/>
    <w:rsid w:val="00297F97"/>
    <w:rsid w:val="002A6A67"/>
    <w:rsid w:val="002B76DA"/>
    <w:rsid w:val="002C2251"/>
    <w:rsid w:val="002C7D5D"/>
    <w:rsid w:val="002D614E"/>
    <w:rsid w:val="002D6A3E"/>
    <w:rsid w:val="002D75EA"/>
    <w:rsid w:val="002F0847"/>
    <w:rsid w:val="00315477"/>
    <w:rsid w:val="00324992"/>
    <w:rsid w:val="00332513"/>
    <w:rsid w:val="00333A8B"/>
    <w:rsid w:val="00352C8E"/>
    <w:rsid w:val="003729F5"/>
    <w:rsid w:val="003732DE"/>
    <w:rsid w:val="00380DC2"/>
    <w:rsid w:val="00393BDF"/>
    <w:rsid w:val="00394B01"/>
    <w:rsid w:val="00397A4B"/>
    <w:rsid w:val="003A02D2"/>
    <w:rsid w:val="003B52CA"/>
    <w:rsid w:val="003B7999"/>
    <w:rsid w:val="003C1CEF"/>
    <w:rsid w:val="003D7B42"/>
    <w:rsid w:val="003D7B4F"/>
    <w:rsid w:val="003E55CB"/>
    <w:rsid w:val="003F609A"/>
    <w:rsid w:val="00401C2B"/>
    <w:rsid w:val="0040467D"/>
    <w:rsid w:val="00412CAA"/>
    <w:rsid w:val="0042063A"/>
    <w:rsid w:val="00420B1D"/>
    <w:rsid w:val="004212D4"/>
    <w:rsid w:val="00423215"/>
    <w:rsid w:val="00427CE5"/>
    <w:rsid w:val="004318E2"/>
    <w:rsid w:val="0043711E"/>
    <w:rsid w:val="00437F58"/>
    <w:rsid w:val="00443F8F"/>
    <w:rsid w:val="00444879"/>
    <w:rsid w:val="00446133"/>
    <w:rsid w:val="00450076"/>
    <w:rsid w:val="00453E11"/>
    <w:rsid w:val="0045776B"/>
    <w:rsid w:val="00461041"/>
    <w:rsid w:val="00466E4E"/>
    <w:rsid w:val="0047073F"/>
    <w:rsid w:val="0048546D"/>
    <w:rsid w:val="00490CB7"/>
    <w:rsid w:val="00494F43"/>
    <w:rsid w:val="004A1515"/>
    <w:rsid w:val="004A4650"/>
    <w:rsid w:val="004A7ECC"/>
    <w:rsid w:val="004B0536"/>
    <w:rsid w:val="004E4F98"/>
    <w:rsid w:val="00503742"/>
    <w:rsid w:val="005118AD"/>
    <w:rsid w:val="00514DD2"/>
    <w:rsid w:val="00515242"/>
    <w:rsid w:val="00521702"/>
    <w:rsid w:val="005251F2"/>
    <w:rsid w:val="00525250"/>
    <w:rsid w:val="00525CC3"/>
    <w:rsid w:val="00531B86"/>
    <w:rsid w:val="005369A6"/>
    <w:rsid w:val="00544CA4"/>
    <w:rsid w:val="005729E6"/>
    <w:rsid w:val="00573305"/>
    <w:rsid w:val="00576AB8"/>
    <w:rsid w:val="0058488A"/>
    <w:rsid w:val="00584939"/>
    <w:rsid w:val="00595B6A"/>
    <w:rsid w:val="005A24DF"/>
    <w:rsid w:val="005A649A"/>
    <w:rsid w:val="005B062E"/>
    <w:rsid w:val="005C78A2"/>
    <w:rsid w:val="005D20BA"/>
    <w:rsid w:val="005D7A44"/>
    <w:rsid w:val="00601E24"/>
    <w:rsid w:val="00604E14"/>
    <w:rsid w:val="00610A8F"/>
    <w:rsid w:val="00615A61"/>
    <w:rsid w:val="0062415C"/>
    <w:rsid w:val="00640E36"/>
    <w:rsid w:val="00647198"/>
    <w:rsid w:val="00654EB6"/>
    <w:rsid w:val="00656D23"/>
    <w:rsid w:val="006703E7"/>
    <w:rsid w:val="00685238"/>
    <w:rsid w:val="006A28E0"/>
    <w:rsid w:val="006A5AAD"/>
    <w:rsid w:val="006B060D"/>
    <w:rsid w:val="006B38C0"/>
    <w:rsid w:val="006D51BD"/>
    <w:rsid w:val="007019BD"/>
    <w:rsid w:val="007121CF"/>
    <w:rsid w:val="00712888"/>
    <w:rsid w:val="00712F0C"/>
    <w:rsid w:val="00720F43"/>
    <w:rsid w:val="00726CFE"/>
    <w:rsid w:val="00735B42"/>
    <w:rsid w:val="0076617A"/>
    <w:rsid w:val="00791317"/>
    <w:rsid w:val="00793FF4"/>
    <w:rsid w:val="007C08B6"/>
    <w:rsid w:val="007C1566"/>
    <w:rsid w:val="007E415F"/>
    <w:rsid w:val="007F3876"/>
    <w:rsid w:val="008106BE"/>
    <w:rsid w:val="00823A0D"/>
    <w:rsid w:val="008407DB"/>
    <w:rsid w:val="00841C7D"/>
    <w:rsid w:val="0084414A"/>
    <w:rsid w:val="00844A91"/>
    <w:rsid w:val="00854521"/>
    <w:rsid w:val="0088136C"/>
    <w:rsid w:val="00884AFD"/>
    <w:rsid w:val="00885392"/>
    <w:rsid w:val="00886D27"/>
    <w:rsid w:val="0089071B"/>
    <w:rsid w:val="008B4C27"/>
    <w:rsid w:val="008D0EAE"/>
    <w:rsid w:val="008D5154"/>
    <w:rsid w:val="008E5EE2"/>
    <w:rsid w:val="008E7539"/>
    <w:rsid w:val="008E7F62"/>
    <w:rsid w:val="008F0197"/>
    <w:rsid w:val="008F4A00"/>
    <w:rsid w:val="008F5265"/>
    <w:rsid w:val="0090021C"/>
    <w:rsid w:val="00902322"/>
    <w:rsid w:val="00911373"/>
    <w:rsid w:val="009213AC"/>
    <w:rsid w:val="00930CE9"/>
    <w:rsid w:val="00935AA7"/>
    <w:rsid w:val="0093715E"/>
    <w:rsid w:val="0095345F"/>
    <w:rsid w:val="009573A3"/>
    <w:rsid w:val="00972AEF"/>
    <w:rsid w:val="00972D2B"/>
    <w:rsid w:val="00984856"/>
    <w:rsid w:val="0098572C"/>
    <w:rsid w:val="00993794"/>
    <w:rsid w:val="009969A8"/>
    <w:rsid w:val="009A411B"/>
    <w:rsid w:val="009B140C"/>
    <w:rsid w:val="009B20E7"/>
    <w:rsid w:val="009B46AB"/>
    <w:rsid w:val="009B72C1"/>
    <w:rsid w:val="009C1606"/>
    <w:rsid w:val="009C3C71"/>
    <w:rsid w:val="009D3721"/>
    <w:rsid w:val="009F3939"/>
    <w:rsid w:val="009F7604"/>
    <w:rsid w:val="00A10AC0"/>
    <w:rsid w:val="00A1174E"/>
    <w:rsid w:val="00A1560A"/>
    <w:rsid w:val="00A20FE6"/>
    <w:rsid w:val="00A223F4"/>
    <w:rsid w:val="00A22B24"/>
    <w:rsid w:val="00A304E5"/>
    <w:rsid w:val="00A350A0"/>
    <w:rsid w:val="00A45DF5"/>
    <w:rsid w:val="00A8079E"/>
    <w:rsid w:val="00A82562"/>
    <w:rsid w:val="00A84949"/>
    <w:rsid w:val="00A9709E"/>
    <w:rsid w:val="00AA3ED2"/>
    <w:rsid w:val="00AC5CC5"/>
    <w:rsid w:val="00AC715B"/>
    <w:rsid w:val="00AD40AD"/>
    <w:rsid w:val="00AF4ED6"/>
    <w:rsid w:val="00B00221"/>
    <w:rsid w:val="00B15C3D"/>
    <w:rsid w:val="00B24E43"/>
    <w:rsid w:val="00B27C33"/>
    <w:rsid w:val="00B3047F"/>
    <w:rsid w:val="00B409EF"/>
    <w:rsid w:val="00B521DC"/>
    <w:rsid w:val="00B53EA7"/>
    <w:rsid w:val="00B64016"/>
    <w:rsid w:val="00B66BD2"/>
    <w:rsid w:val="00B737C5"/>
    <w:rsid w:val="00B81086"/>
    <w:rsid w:val="00BB27D5"/>
    <w:rsid w:val="00BC0D10"/>
    <w:rsid w:val="00BD2E00"/>
    <w:rsid w:val="00BD3926"/>
    <w:rsid w:val="00BD4B74"/>
    <w:rsid w:val="00BD65B0"/>
    <w:rsid w:val="00BE100A"/>
    <w:rsid w:val="00BE6FC3"/>
    <w:rsid w:val="00BF0592"/>
    <w:rsid w:val="00BF1D46"/>
    <w:rsid w:val="00BF35BD"/>
    <w:rsid w:val="00C0777B"/>
    <w:rsid w:val="00C13EF0"/>
    <w:rsid w:val="00C25402"/>
    <w:rsid w:val="00C330D0"/>
    <w:rsid w:val="00C34346"/>
    <w:rsid w:val="00C34D3B"/>
    <w:rsid w:val="00C409F6"/>
    <w:rsid w:val="00C42352"/>
    <w:rsid w:val="00C447FB"/>
    <w:rsid w:val="00C4542E"/>
    <w:rsid w:val="00C74D57"/>
    <w:rsid w:val="00C90D27"/>
    <w:rsid w:val="00C95265"/>
    <w:rsid w:val="00CA1822"/>
    <w:rsid w:val="00CA190C"/>
    <w:rsid w:val="00CA6DEA"/>
    <w:rsid w:val="00CB180D"/>
    <w:rsid w:val="00CB47D0"/>
    <w:rsid w:val="00CC06E2"/>
    <w:rsid w:val="00CD45DB"/>
    <w:rsid w:val="00CE6A7C"/>
    <w:rsid w:val="00CF3F9F"/>
    <w:rsid w:val="00CF5A96"/>
    <w:rsid w:val="00D02EAF"/>
    <w:rsid w:val="00D15A0C"/>
    <w:rsid w:val="00D24EAE"/>
    <w:rsid w:val="00D337B2"/>
    <w:rsid w:val="00D41AFB"/>
    <w:rsid w:val="00D44472"/>
    <w:rsid w:val="00D45697"/>
    <w:rsid w:val="00D47CB7"/>
    <w:rsid w:val="00D56DBA"/>
    <w:rsid w:val="00D56FE2"/>
    <w:rsid w:val="00D6018F"/>
    <w:rsid w:val="00D73E75"/>
    <w:rsid w:val="00D80EB2"/>
    <w:rsid w:val="00D82894"/>
    <w:rsid w:val="00D916E1"/>
    <w:rsid w:val="00DC2CEF"/>
    <w:rsid w:val="00DC61A6"/>
    <w:rsid w:val="00DE18BB"/>
    <w:rsid w:val="00E24C3E"/>
    <w:rsid w:val="00E250A4"/>
    <w:rsid w:val="00E3073B"/>
    <w:rsid w:val="00E67283"/>
    <w:rsid w:val="00E71EE0"/>
    <w:rsid w:val="00E72098"/>
    <w:rsid w:val="00E74559"/>
    <w:rsid w:val="00E80DDC"/>
    <w:rsid w:val="00E84F2C"/>
    <w:rsid w:val="00E97643"/>
    <w:rsid w:val="00EA4AAF"/>
    <w:rsid w:val="00EB4A40"/>
    <w:rsid w:val="00EB5A0D"/>
    <w:rsid w:val="00EC743E"/>
    <w:rsid w:val="00ED3A7F"/>
    <w:rsid w:val="00ED66C4"/>
    <w:rsid w:val="00EE1334"/>
    <w:rsid w:val="00EE3F73"/>
    <w:rsid w:val="00EE469A"/>
    <w:rsid w:val="00EE6756"/>
    <w:rsid w:val="00EF07F0"/>
    <w:rsid w:val="00F00593"/>
    <w:rsid w:val="00F04478"/>
    <w:rsid w:val="00F133AA"/>
    <w:rsid w:val="00F224C9"/>
    <w:rsid w:val="00F27A9F"/>
    <w:rsid w:val="00F312A7"/>
    <w:rsid w:val="00F34CDA"/>
    <w:rsid w:val="00F40220"/>
    <w:rsid w:val="00F55907"/>
    <w:rsid w:val="00F55AD1"/>
    <w:rsid w:val="00F55E8C"/>
    <w:rsid w:val="00F568DF"/>
    <w:rsid w:val="00F5733F"/>
    <w:rsid w:val="00F803C1"/>
    <w:rsid w:val="00F937F5"/>
    <w:rsid w:val="00F94F1E"/>
    <w:rsid w:val="00FA1BA2"/>
    <w:rsid w:val="00FA3E51"/>
    <w:rsid w:val="00FB1D12"/>
    <w:rsid w:val="00FB5A4B"/>
    <w:rsid w:val="00FC374C"/>
    <w:rsid w:val="00FC436C"/>
    <w:rsid w:val="00FC724D"/>
    <w:rsid w:val="00FD4687"/>
    <w:rsid w:val="00FE386C"/>
    <w:rsid w:val="00FF1974"/>
  </w:rsids>
  <m:mathPr>
    <m:mathFont m:val="Cambria Math"/>
    <m:brkBin m:val="before"/>
    <m:brkBinSub m:val="--"/>
    <m:smallFrac m:val="0"/>
    <m:dispDef/>
    <m:lMargin m:val="0"/>
    <m:rMargin m:val="0"/>
    <m:defJc m:val="centerGroup"/>
    <m:wrapIndent m:val="1440"/>
    <m:intLim m:val="subSup"/>
    <m:naryLim m:val="undOvr"/>
  </m:mathPr>
  <w:themeFontLang w:val="en-GB" w:eastAsia="ko-KR"/>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200" w:line="276"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Web 1" w:semiHidden="1" w:unhideWhenUsed="1"/>
    <w:lsdException w:name="Table Web 2"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ln">
    <w:name w:val="Normal"/>
    <w:qFormat/>
    <w:rsid w:val="00515242"/>
    <w:rPr>
      <w:rFonts w:cs="Times New Roman"/>
      <w:sz w:val="3276"/>
      <w:szCs w:val="3276"/>
    </w:rPr>
  </w:style>
  <w:style w:type="character" w:default="1" w:styleId="Standardnpsmoodstavce">
    <w:name w:val="Default Paragraph Font"/>
    <w:uiPriority w:val="1"/>
    <w:semiHidden/>
    <w:unhideWhenUsed/>
  </w:style>
  <w:style w:type="table" w:default="1" w:styleId="Normlntabulka">
    <w:name w:val="Normal Table"/>
    <w:uiPriority w:val="99"/>
    <w:semiHidden/>
    <w:unhideWhenUsed/>
    <w:tblPr>
      <w:tblInd w:w="0" w:type="dxa"/>
      <w:tblCellMar>
        <w:top w:w="0" w:type="dxa"/>
        <w:left w:w="108" w:type="dxa"/>
        <w:bottom w:w="0" w:type="dxa"/>
        <w:right w:w="108" w:type="dxa"/>
      </w:tblCellMar>
    </w:tblPr>
  </w:style>
  <w:style w:type="numbering" w:default="1" w:styleId="Bezseznamu">
    <w:name w:val="No List"/>
    <w:uiPriority w:val="99"/>
    <w:semiHidden/>
    <w:unhideWhenUsed/>
  </w:style>
  <w:style w:type="character" w:styleId="Zstupntext">
    <w:name w:val="Placeholder Text"/>
    <w:basedOn w:val="Standardnpsmoodstavce"/>
    <w:uiPriority w:val="99"/>
    <w:semiHidden/>
    <w:rsid w:val="00494F43"/>
    <w:rPr>
      <w:color w:val="808080"/>
    </w:rPr>
  </w:style>
  <w:style w:type="paragraph" w:customStyle="1" w:styleId="59D03A7999F24D1A942BBF36D6D545DF">
    <w:name w:val="59D03A7999F24D1A942BBF36D6D545DF"/>
    <w:rsid w:val="00515242"/>
    <w:pPr>
      <w:spacing w:after="0" w:line="220" w:lineRule="atLeast"/>
    </w:pPr>
    <w:rPr>
      <w:rFonts w:ascii="Arial" w:eastAsiaTheme="minorHAnsi" w:hAnsi="Arial" w:cs="Arial"/>
      <w:sz w:val="16"/>
      <w:lang w:eastAsia="en-US"/>
    </w:rPr>
  </w:style>
  <w:style w:type="paragraph" w:customStyle="1" w:styleId="59D03A7999F24D1A942BBF36D6D545DF1">
    <w:name w:val="59D03A7999F24D1A942BBF36D6D545DF1"/>
    <w:rsid w:val="00A8079E"/>
    <w:pPr>
      <w:spacing w:after="0" w:line="220" w:lineRule="atLeast"/>
    </w:pPr>
    <w:rPr>
      <w:rFonts w:ascii="Arial" w:eastAsiaTheme="minorHAnsi" w:hAnsi="Arial" w:cs="Arial"/>
      <w:sz w:val="16"/>
      <w:lang w:eastAsia="en-US"/>
    </w:rPr>
  </w:style>
  <w:style w:type="paragraph" w:customStyle="1" w:styleId="59D03A7999F24D1A942BBF36D6D545DF2">
    <w:name w:val="59D03A7999F24D1A942BBF36D6D545DF2"/>
    <w:rsid w:val="00A8079E"/>
    <w:pPr>
      <w:spacing w:after="0" w:line="220" w:lineRule="atLeast"/>
    </w:pPr>
    <w:rPr>
      <w:rFonts w:ascii="Arial" w:eastAsiaTheme="minorHAnsi" w:hAnsi="Arial" w:cs="Arial"/>
      <w:sz w:val="16"/>
      <w:lang w:eastAsia="en-US"/>
    </w:rPr>
  </w:style>
  <w:style w:type="paragraph" w:customStyle="1" w:styleId="59D03A7999F24D1A942BBF36D6D545DF3">
    <w:name w:val="59D03A7999F24D1A942BBF36D6D545DF3"/>
    <w:rsid w:val="00297F97"/>
    <w:pPr>
      <w:spacing w:after="0" w:line="220" w:lineRule="atLeast"/>
    </w:pPr>
    <w:rPr>
      <w:rFonts w:ascii="Arial" w:eastAsiaTheme="minorHAnsi" w:hAnsi="Arial" w:cs="Arial"/>
      <w:sz w:val="16"/>
      <w:lang w:eastAsia="en-US"/>
    </w:rPr>
  </w:style>
  <w:style w:type="paragraph" w:customStyle="1" w:styleId="59D03A7999F24D1A942BBF36D6D545DF4">
    <w:name w:val="59D03A7999F24D1A942BBF36D6D545DF4"/>
    <w:rsid w:val="001616A2"/>
    <w:pPr>
      <w:spacing w:after="0" w:line="220" w:lineRule="atLeast"/>
    </w:pPr>
    <w:rPr>
      <w:rFonts w:ascii="Arial" w:eastAsiaTheme="minorHAnsi" w:hAnsi="Arial" w:cs="Arial"/>
      <w:sz w:val="16"/>
      <w:lang w:eastAsia="en-US"/>
    </w:rPr>
  </w:style>
  <w:style w:type="paragraph" w:customStyle="1" w:styleId="27D818F2B53B4EE986ED6C44D19E68FB">
    <w:name w:val="27D818F2B53B4EE986ED6C44D19E68FB"/>
    <w:rsid w:val="00B66BD2"/>
    <w:pPr>
      <w:spacing w:after="0" w:line="260" w:lineRule="atLeast"/>
    </w:pPr>
    <w:rPr>
      <w:rFonts w:ascii="Times New Roman" w:eastAsiaTheme="minorHAnsi" w:hAnsi="Times New Roman" w:cs="Times New Roman"/>
      <w:b/>
      <w:lang w:eastAsia="en-US"/>
    </w:rPr>
  </w:style>
  <w:style w:type="paragraph" w:customStyle="1" w:styleId="EDD6DA14852D4300B97E580F412F8A0F">
    <w:name w:val="EDD6DA14852D4300B97E580F412F8A0F"/>
    <w:rsid w:val="00B66BD2"/>
    <w:pPr>
      <w:spacing w:after="0" w:line="260" w:lineRule="atLeast"/>
    </w:pPr>
    <w:rPr>
      <w:rFonts w:ascii="Times New Roman" w:eastAsiaTheme="minorHAnsi" w:hAnsi="Times New Roman" w:cs="Times New Roman"/>
      <w:lang w:eastAsia="en-US"/>
    </w:rPr>
  </w:style>
  <w:style w:type="paragraph" w:customStyle="1" w:styleId="9D2C49081C644766A826A673FC7B5EA5">
    <w:name w:val="9D2C49081C644766A826A673FC7B5EA5"/>
    <w:rsid w:val="00B66BD2"/>
    <w:pPr>
      <w:spacing w:after="0" w:line="220" w:lineRule="atLeast"/>
    </w:pPr>
    <w:rPr>
      <w:rFonts w:ascii="Arial" w:eastAsiaTheme="minorHAnsi" w:hAnsi="Arial" w:cs="Arial"/>
      <w:sz w:val="16"/>
      <w:lang w:eastAsia="en-US"/>
    </w:rPr>
  </w:style>
  <w:style w:type="paragraph" w:customStyle="1" w:styleId="08403DB8E817441C8803D01AB69554A9">
    <w:name w:val="08403DB8E817441C8803D01AB69554A9"/>
    <w:rsid w:val="00B66BD2"/>
    <w:pPr>
      <w:spacing w:after="0" w:line="220" w:lineRule="atLeast"/>
    </w:pPr>
    <w:rPr>
      <w:rFonts w:ascii="Arial" w:eastAsiaTheme="minorHAnsi" w:hAnsi="Arial" w:cs="Arial"/>
      <w:sz w:val="16"/>
      <w:lang w:eastAsia="en-US"/>
    </w:rPr>
  </w:style>
  <w:style w:type="paragraph" w:customStyle="1" w:styleId="4C04B352D97B4EE8BAAA8AEFB92DDF63">
    <w:name w:val="4C04B352D97B4EE8BAAA8AEFB92DDF63"/>
    <w:rsid w:val="00B66BD2"/>
    <w:pPr>
      <w:spacing w:after="0" w:line="220" w:lineRule="atLeast"/>
    </w:pPr>
    <w:rPr>
      <w:rFonts w:ascii="Arial" w:eastAsiaTheme="minorHAnsi" w:hAnsi="Arial" w:cs="Arial"/>
      <w:sz w:val="16"/>
      <w:lang w:eastAsia="en-US"/>
    </w:rPr>
  </w:style>
  <w:style w:type="paragraph" w:customStyle="1" w:styleId="9E8F70403BB642E89E82497F91715309">
    <w:name w:val="9E8F70403BB642E89E82497F91715309"/>
    <w:rsid w:val="00B66BD2"/>
    <w:pPr>
      <w:spacing w:after="0" w:line="220" w:lineRule="atLeast"/>
    </w:pPr>
    <w:rPr>
      <w:rFonts w:ascii="Arial" w:eastAsiaTheme="minorHAnsi" w:hAnsi="Arial" w:cs="Arial"/>
      <w:sz w:val="16"/>
      <w:lang w:eastAsia="en-US"/>
    </w:rPr>
  </w:style>
  <w:style w:type="paragraph" w:customStyle="1" w:styleId="2579FF38070243E3BB4C21A3E5FB9423">
    <w:name w:val="2579FF38070243E3BB4C21A3E5FB9423"/>
    <w:rsid w:val="00B66BD2"/>
    <w:pPr>
      <w:spacing w:after="0" w:line="220" w:lineRule="atLeast"/>
    </w:pPr>
    <w:rPr>
      <w:rFonts w:ascii="Arial" w:eastAsiaTheme="minorHAnsi" w:hAnsi="Arial" w:cs="Arial"/>
      <w:sz w:val="16"/>
      <w:lang w:eastAsia="en-US"/>
    </w:rPr>
  </w:style>
  <w:style w:type="paragraph" w:customStyle="1" w:styleId="A8BA9085CF7648238AB8F0F986C0E629">
    <w:name w:val="A8BA9085CF7648238AB8F0F986C0E629"/>
    <w:rsid w:val="00B66BD2"/>
    <w:pPr>
      <w:spacing w:after="0" w:line="220" w:lineRule="atLeast"/>
    </w:pPr>
    <w:rPr>
      <w:rFonts w:ascii="Arial" w:eastAsiaTheme="minorHAnsi" w:hAnsi="Arial" w:cs="Arial"/>
      <w:sz w:val="16"/>
      <w:lang w:eastAsia="en-US"/>
    </w:rPr>
  </w:style>
  <w:style w:type="paragraph" w:customStyle="1" w:styleId="1597CB91FE564764B48E15AF90A3211C">
    <w:name w:val="1597CB91FE564764B48E15AF90A3211C"/>
    <w:rsid w:val="00B66BD2"/>
    <w:pPr>
      <w:spacing w:after="0" w:line="220" w:lineRule="atLeast"/>
    </w:pPr>
    <w:rPr>
      <w:rFonts w:ascii="Arial" w:eastAsiaTheme="minorHAnsi" w:hAnsi="Arial" w:cs="Arial"/>
      <w:sz w:val="16"/>
      <w:lang w:eastAsia="en-US"/>
    </w:rPr>
  </w:style>
  <w:style w:type="paragraph" w:customStyle="1" w:styleId="8C3B2615C5874A77A2073DAA1F87AABC">
    <w:name w:val="8C3B2615C5874A77A2073DAA1F87AABC"/>
    <w:rsid w:val="00B66BD2"/>
    <w:pPr>
      <w:spacing w:after="0" w:line="220" w:lineRule="atLeast"/>
    </w:pPr>
    <w:rPr>
      <w:rFonts w:ascii="Arial" w:eastAsiaTheme="minorHAnsi" w:hAnsi="Arial" w:cs="Arial"/>
      <w:sz w:val="16"/>
      <w:lang w:eastAsia="en-US"/>
    </w:rPr>
  </w:style>
  <w:style w:type="paragraph" w:customStyle="1" w:styleId="C94FD076F3A7411AB59FDBB042587D41">
    <w:name w:val="C94FD076F3A7411AB59FDBB042587D41"/>
    <w:rsid w:val="00B66BD2"/>
    <w:pPr>
      <w:spacing w:after="0" w:line="220" w:lineRule="atLeast"/>
    </w:pPr>
    <w:rPr>
      <w:rFonts w:ascii="Arial" w:eastAsiaTheme="minorHAnsi" w:hAnsi="Arial" w:cs="Arial"/>
      <w:sz w:val="16"/>
      <w:lang w:eastAsia="en-US"/>
    </w:rPr>
  </w:style>
  <w:style w:type="paragraph" w:customStyle="1" w:styleId="E9DE4B0168704FB7B9227AC74AED80E7">
    <w:name w:val="E9DE4B0168704FB7B9227AC74AED80E7"/>
    <w:rsid w:val="00B66BD2"/>
    <w:pPr>
      <w:spacing w:after="0" w:line="220" w:lineRule="atLeast"/>
    </w:pPr>
    <w:rPr>
      <w:rFonts w:ascii="Arial" w:eastAsiaTheme="minorHAnsi" w:hAnsi="Arial" w:cs="Arial"/>
      <w:sz w:val="16"/>
      <w:lang w:eastAsia="en-US"/>
    </w:rPr>
  </w:style>
  <w:style w:type="paragraph" w:customStyle="1" w:styleId="AC7D1CAF745A45EA86567B6C1386BA85">
    <w:name w:val="AC7D1CAF745A45EA86567B6C1386BA85"/>
    <w:rsid w:val="00B66BD2"/>
    <w:pPr>
      <w:spacing w:after="0" w:line="220" w:lineRule="atLeast"/>
    </w:pPr>
    <w:rPr>
      <w:rFonts w:ascii="Arial" w:eastAsiaTheme="minorHAnsi" w:hAnsi="Arial" w:cs="Arial"/>
      <w:sz w:val="16"/>
      <w:lang w:eastAsia="en-US"/>
    </w:rPr>
  </w:style>
  <w:style w:type="paragraph" w:customStyle="1" w:styleId="317DE19FD44E4DB593D1E10652A99737">
    <w:name w:val="317DE19FD44E4DB593D1E10652A99737"/>
    <w:rsid w:val="00B66BD2"/>
    <w:pPr>
      <w:spacing w:after="0" w:line="220" w:lineRule="atLeast"/>
    </w:pPr>
    <w:rPr>
      <w:rFonts w:ascii="Arial" w:eastAsiaTheme="minorHAnsi" w:hAnsi="Arial" w:cs="Arial"/>
      <w:sz w:val="16"/>
      <w:lang w:eastAsia="en-US"/>
    </w:rPr>
  </w:style>
  <w:style w:type="paragraph" w:customStyle="1" w:styleId="85B7575D201A4260B2737943017CC6A7">
    <w:name w:val="85B7575D201A4260B2737943017CC6A7"/>
    <w:rsid w:val="00B66BD2"/>
    <w:pPr>
      <w:spacing w:after="0" w:line="220" w:lineRule="atLeast"/>
    </w:pPr>
    <w:rPr>
      <w:rFonts w:ascii="Arial" w:eastAsiaTheme="minorHAnsi" w:hAnsi="Arial" w:cs="Arial"/>
      <w:sz w:val="16"/>
      <w:lang w:eastAsia="en-US"/>
    </w:rPr>
  </w:style>
  <w:style w:type="paragraph" w:customStyle="1" w:styleId="27D818F2B53B4EE986ED6C44D19E68FB1">
    <w:name w:val="27D818F2B53B4EE986ED6C44D19E68FB1"/>
    <w:rsid w:val="008E7F62"/>
    <w:pPr>
      <w:spacing w:after="0" w:line="260" w:lineRule="atLeast"/>
    </w:pPr>
    <w:rPr>
      <w:rFonts w:ascii="Times New Roman" w:eastAsiaTheme="minorHAnsi" w:hAnsi="Times New Roman" w:cs="Times New Roman"/>
      <w:b/>
      <w:lang w:eastAsia="en-US"/>
    </w:rPr>
  </w:style>
  <w:style w:type="paragraph" w:customStyle="1" w:styleId="EDD6DA14852D4300B97E580F412F8A0F1">
    <w:name w:val="EDD6DA14852D4300B97E580F412F8A0F1"/>
    <w:rsid w:val="008E7F62"/>
    <w:pPr>
      <w:spacing w:after="0" w:line="260" w:lineRule="atLeast"/>
    </w:pPr>
    <w:rPr>
      <w:rFonts w:ascii="Times New Roman" w:eastAsiaTheme="minorHAnsi" w:hAnsi="Times New Roman" w:cs="Times New Roman"/>
      <w:lang w:eastAsia="en-US"/>
    </w:rPr>
  </w:style>
  <w:style w:type="paragraph" w:customStyle="1" w:styleId="9D2C49081C644766A826A673FC7B5EA51">
    <w:name w:val="9D2C49081C644766A826A673FC7B5EA51"/>
    <w:rsid w:val="008E7F62"/>
    <w:pPr>
      <w:spacing w:after="0" w:line="220" w:lineRule="atLeast"/>
    </w:pPr>
    <w:rPr>
      <w:rFonts w:ascii="Arial" w:eastAsiaTheme="minorHAnsi" w:hAnsi="Arial" w:cs="Arial"/>
      <w:sz w:val="16"/>
      <w:lang w:eastAsia="en-US"/>
    </w:rPr>
  </w:style>
  <w:style w:type="paragraph" w:customStyle="1" w:styleId="08403DB8E817441C8803D01AB69554A91">
    <w:name w:val="08403DB8E817441C8803D01AB69554A91"/>
    <w:rsid w:val="008E7F62"/>
    <w:pPr>
      <w:spacing w:after="0" w:line="220" w:lineRule="atLeast"/>
    </w:pPr>
    <w:rPr>
      <w:rFonts w:ascii="Arial" w:eastAsiaTheme="minorHAnsi" w:hAnsi="Arial" w:cs="Arial"/>
      <w:sz w:val="16"/>
      <w:lang w:eastAsia="en-US"/>
    </w:rPr>
  </w:style>
  <w:style w:type="paragraph" w:customStyle="1" w:styleId="4C04B352D97B4EE8BAAA8AEFB92DDF631">
    <w:name w:val="4C04B352D97B4EE8BAAA8AEFB92DDF631"/>
    <w:rsid w:val="008E7F62"/>
    <w:pPr>
      <w:spacing w:after="0" w:line="220" w:lineRule="atLeast"/>
    </w:pPr>
    <w:rPr>
      <w:rFonts w:ascii="Arial" w:eastAsiaTheme="minorHAnsi" w:hAnsi="Arial" w:cs="Arial"/>
      <w:sz w:val="16"/>
      <w:lang w:eastAsia="en-US"/>
    </w:rPr>
  </w:style>
  <w:style w:type="paragraph" w:customStyle="1" w:styleId="9E8F70403BB642E89E82497F917153091">
    <w:name w:val="9E8F70403BB642E89E82497F917153091"/>
    <w:rsid w:val="008E7F62"/>
    <w:pPr>
      <w:spacing w:after="0" w:line="220" w:lineRule="atLeast"/>
    </w:pPr>
    <w:rPr>
      <w:rFonts w:ascii="Arial" w:eastAsiaTheme="minorHAnsi" w:hAnsi="Arial" w:cs="Arial"/>
      <w:sz w:val="16"/>
      <w:lang w:eastAsia="en-US"/>
    </w:rPr>
  </w:style>
  <w:style w:type="paragraph" w:customStyle="1" w:styleId="2579FF38070243E3BB4C21A3E5FB94231">
    <w:name w:val="2579FF38070243E3BB4C21A3E5FB94231"/>
    <w:rsid w:val="008E7F62"/>
    <w:pPr>
      <w:spacing w:after="0" w:line="220" w:lineRule="atLeast"/>
    </w:pPr>
    <w:rPr>
      <w:rFonts w:ascii="Arial" w:eastAsiaTheme="minorHAnsi" w:hAnsi="Arial" w:cs="Arial"/>
      <w:sz w:val="16"/>
      <w:lang w:eastAsia="en-US"/>
    </w:rPr>
  </w:style>
  <w:style w:type="paragraph" w:customStyle="1" w:styleId="A8BA9085CF7648238AB8F0F986C0E6291">
    <w:name w:val="A8BA9085CF7648238AB8F0F986C0E6291"/>
    <w:rsid w:val="008E7F62"/>
    <w:pPr>
      <w:spacing w:after="0" w:line="220" w:lineRule="atLeast"/>
    </w:pPr>
    <w:rPr>
      <w:rFonts w:ascii="Arial" w:eastAsiaTheme="minorHAnsi" w:hAnsi="Arial" w:cs="Arial"/>
      <w:sz w:val="16"/>
      <w:lang w:eastAsia="en-US"/>
    </w:rPr>
  </w:style>
  <w:style w:type="paragraph" w:customStyle="1" w:styleId="1597CB91FE564764B48E15AF90A3211C1">
    <w:name w:val="1597CB91FE564764B48E15AF90A3211C1"/>
    <w:rsid w:val="008E7F62"/>
    <w:pPr>
      <w:spacing w:after="0" w:line="220" w:lineRule="atLeast"/>
    </w:pPr>
    <w:rPr>
      <w:rFonts w:ascii="Arial" w:eastAsiaTheme="minorHAnsi" w:hAnsi="Arial" w:cs="Arial"/>
      <w:sz w:val="16"/>
      <w:lang w:eastAsia="en-US"/>
    </w:rPr>
  </w:style>
  <w:style w:type="paragraph" w:customStyle="1" w:styleId="8C3B2615C5874A77A2073DAA1F87AABC1">
    <w:name w:val="8C3B2615C5874A77A2073DAA1F87AABC1"/>
    <w:rsid w:val="008E7F62"/>
    <w:pPr>
      <w:spacing w:after="0" w:line="220" w:lineRule="atLeast"/>
    </w:pPr>
    <w:rPr>
      <w:rFonts w:ascii="Arial" w:eastAsiaTheme="minorHAnsi" w:hAnsi="Arial" w:cs="Arial"/>
      <w:sz w:val="16"/>
      <w:lang w:eastAsia="en-US"/>
    </w:rPr>
  </w:style>
  <w:style w:type="paragraph" w:customStyle="1" w:styleId="C94FD076F3A7411AB59FDBB042587D411">
    <w:name w:val="C94FD076F3A7411AB59FDBB042587D411"/>
    <w:rsid w:val="008E7F62"/>
    <w:pPr>
      <w:spacing w:after="0" w:line="220" w:lineRule="atLeast"/>
    </w:pPr>
    <w:rPr>
      <w:rFonts w:ascii="Arial" w:eastAsiaTheme="minorHAnsi" w:hAnsi="Arial" w:cs="Arial"/>
      <w:sz w:val="16"/>
      <w:lang w:eastAsia="en-US"/>
    </w:rPr>
  </w:style>
  <w:style w:type="paragraph" w:customStyle="1" w:styleId="E9DE4B0168704FB7B9227AC74AED80E71">
    <w:name w:val="E9DE4B0168704FB7B9227AC74AED80E71"/>
    <w:rsid w:val="008E7F62"/>
    <w:pPr>
      <w:spacing w:after="0" w:line="220" w:lineRule="atLeast"/>
    </w:pPr>
    <w:rPr>
      <w:rFonts w:ascii="Arial" w:eastAsiaTheme="minorHAnsi" w:hAnsi="Arial" w:cs="Arial"/>
      <w:sz w:val="16"/>
      <w:lang w:eastAsia="en-US"/>
    </w:rPr>
  </w:style>
  <w:style w:type="paragraph" w:customStyle="1" w:styleId="AC7D1CAF745A45EA86567B6C1386BA851">
    <w:name w:val="AC7D1CAF745A45EA86567B6C1386BA851"/>
    <w:rsid w:val="008E7F62"/>
    <w:pPr>
      <w:spacing w:after="0" w:line="220" w:lineRule="atLeast"/>
    </w:pPr>
    <w:rPr>
      <w:rFonts w:ascii="Arial" w:eastAsiaTheme="minorHAnsi" w:hAnsi="Arial" w:cs="Arial"/>
      <w:sz w:val="16"/>
      <w:lang w:eastAsia="en-US"/>
    </w:rPr>
  </w:style>
  <w:style w:type="paragraph" w:customStyle="1" w:styleId="317DE19FD44E4DB593D1E10652A997371">
    <w:name w:val="317DE19FD44E4DB593D1E10652A997371"/>
    <w:rsid w:val="008E7F62"/>
    <w:pPr>
      <w:spacing w:after="0" w:line="220" w:lineRule="atLeast"/>
    </w:pPr>
    <w:rPr>
      <w:rFonts w:ascii="Arial" w:eastAsiaTheme="minorHAnsi" w:hAnsi="Arial" w:cs="Arial"/>
      <w:sz w:val="16"/>
      <w:lang w:eastAsia="en-US"/>
    </w:rPr>
  </w:style>
  <w:style w:type="paragraph" w:customStyle="1" w:styleId="85B7575D201A4260B2737943017CC6A71">
    <w:name w:val="85B7575D201A4260B2737943017CC6A71"/>
    <w:rsid w:val="008E7F62"/>
    <w:pPr>
      <w:spacing w:after="0" w:line="220" w:lineRule="atLeast"/>
    </w:pPr>
    <w:rPr>
      <w:rFonts w:ascii="Arial" w:eastAsiaTheme="minorHAnsi" w:hAnsi="Arial" w:cs="Arial"/>
      <w:sz w:val="16"/>
      <w:lang w:eastAsia="en-US"/>
    </w:rPr>
  </w:style>
  <w:style w:type="paragraph" w:customStyle="1" w:styleId="723046F7E1DE464DBA4E2341F6B41E3F">
    <w:name w:val="723046F7E1DE464DBA4E2341F6B41E3F"/>
    <w:rsid w:val="008E7F62"/>
    <w:pPr>
      <w:spacing w:after="0" w:line="260" w:lineRule="atLeast"/>
    </w:pPr>
    <w:rPr>
      <w:rFonts w:ascii="Times New Roman" w:eastAsiaTheme="minorHAnsi" w:hAnsi="Times New Roman" w:cs="Times New Roman"/>
      <w:lang w:eastAsia="en-US"/>
    </w:rPr>
  </w:style>
  <w:style w:type="paragraph" w:customStyle="1" w:styleId="DAF5D3FAD8D04956ABFEAAA3FF5A71BB">
    <w:name w:val="DAF5D3FAD8D04956ABFEAAA3FF5A71BB"/>
    <w:rsid w:val="008E7F62"/>
    <w:pPr>
      <w:spacing w:after="0" w:line="260" w:lineRule="atLeast"/>
    </w:pPr>
    <w:rPr>
      <w:rFonts w:ascii="Times New Roman" w:eastAsiaTheme="minorHAnsi" w:hAnsi="Times New Roman" w:cs="Times New Roman"/>
      <w:lang w:eastAsia="en-US"/>
    </w:rPr>
  </w:style>
  <w:style w:type="paragraph" w:customStyle="1" w:styleId="01C91DACF0C94DAC92D92EE351B6E026">
    <w:name w:val="01C91DACF0C94DAC92D92EE351B6E026"/>
    <w:rsid w:val="008E7F62"/>
    <w:pPr>
      <w:spacing w:after="0" w:line="260" w:lineRule="atLeast"/>
    </w:pPr>
    <w:rPr>
      <w:rFonts w:ascii="Times New Roman" w:eastAsiaTheme="minorHAnsi" w:hAnsi="Times New Roman" w:cs="Times New Roman"/>
      <w:lang w:eastAsia="en-US"/>
    </w:rPr>
  </w:style>
  <w:style w:type="paragraph" w:customStyle="1" w:styleId="65F8364AC85446D3ACADDF42963C7FCE">
    <w:name w:val="65F8364AC85446D3ACADDF42963C7FCE"/>
    <w:rsid w:val="008E7F62"/>
    <w:pPr>
      <w:spacing w:after="0" w:line="260" w:lineRule="atLeast"/>
    </w:pPr>
    <w:rPr>
      <w:rFonts w:ascii="Times New Roman" w:eastAsiaTheme="minorHAnsi" w:hAnsi="Times New Roman" w:cs="Times New Roman"/>
      <w:lang w:eastAsia="en-US"/>
    </w:rPr>
  </w:style>
  <w:style w:type="paragraph" w:customStyle="1" w:styleId="1B3BDD3FBC0B4A96B673ABB37257B2B9">
    <w:name w:val="1B3BDD3FBC0B4A96B673ABB37257B2B9"/>
    <w:rsid w:val="008E7F62"/>
    <w:pPr>
      <w:spacing w:after="0" w:line="260" w:lineRule="atLeast"/>
    </w:pPr>
    <w:rPr>
      <w:rFonts w:ascii="Times New Roman" w:eastAsiaTheme="minorHAnsi" w:hAnsi="Times New Roman" w:cs="Times New Roman"/>
      <w:lang w:eastAsia="en-US"/>
    </w:rPr>
  </w:style>
  <w:style w:type="paragraph" w:customStyle="1" w:styleId="826B672311B14096AD7ED81284E85F9C">
    <w:name w:val="826B672311B14096AD7ED81284E85F9C"/>
    <w:rsid w:val="008E7F62"/>
    <w:pPr>
      <w:spacing w:after="0" w:line="260" w:lineRule="atLeast"/>
    </w:pPr>
    <w:rPr>
      <w:rFonts w:ascii="Times New Roman" w:eastAsiaTheme="minorHAnsi" w:hAnsi="Times New Roman" w:cs="Times New Roman"/>
      <w:lang w:eastAsia="en-US"/>
    </w:rPr>
  </w:style>
  <w:style w:type="paragraph" w:customStyle="1" w:styleId="550F2387895A4969AA7E54203757A0DB">
    <w:name w:val="550F2387895A4969AA7E54203757A0DB"/>
    <w:rsid w:val="008E7F62"/>
    <w:pPr>
      <w:spacing w:after="0" w:line="260" w:lineRule="atLeast"/>
    </w:pPr>
    <w:rPr>
      <w:rFonts w:ascii="Times New Roman" w:eastAsiaTheme="minorHAnsi" w:hAnsi="Times New Roman" w:cs="Times New Roman"/>
      <w:b/>
      <w:lang w:eastAsia="en-US"/>
    </w:rPr>
  </w:style>
  <w:style w:type="paragraph" w:customStyle="1" w:styleId="F3DEBC01D4E54DF281E4A77D6FBCD081">
    <w:name w:val="F3DEBC01D4E54DF281E4A77D6FBCD081"/>
    <w:rsid w:val="008E7F62"/>
    <w:pPr>
      <w:spacing w:before="240" w:after="0" w:line="260" w:lineRule="atLeast"/>
      <w:jc w:val="both"/>
    </w:pPr>
    <w:rPr>
      <w:rFonts w:ascii="Times New Roman" w:eastAsiaTheme="minorHAnsi" w:hAnsi="Times New Roman" w:cs="Times New Roman"/>
      <w:lang w:eastAsia="en-US"/>
    </w:rPr>
  </w:style>
  <w:style w:type="paragraph" w:customStyle="1" w:styleId="E9AB0C769FF14C3B839227E0180091BD">
    <w:name w:val="E9AB0C769FF14C3B839227E0180091BD"/>
    <w:rsid w:val="008E7F62"/>
    <w:pPr>
      <w:spacing w:after="0" w:line="260" w:lineRule="atLeast"/>
    </w:pPr>
    <w:rPr>
      <w:rFonts w:ascii="Times New Roman" w:eastAsiaTheme="minorHAnsi" w:hAnsi="Times New Roman" w:cs="Times New Roman"/>
      <w:b/>
      <w:lang w:eastAsia="en-US"/>
    </w:rPr>
  </w:style>
  <w:style w:type="paragraph" w:customStyle="1" w:styleId="3CD17A28EFFA4334826F726D1C5A7477">
    <w:name w:val="3CD17A28EFFA4334826F726D1C5A7477"/>
    <w:rsid w:val="008E7F62"/>
    <w:pPr>
      <w:spacing w:after="0" w:line="260" w:lineRule="atLeast"/>
    </w:pPr>
    <w:rPr>
      <w:rFonts w:ascii="Times New Roman" w:eastAsiaTheme="minorHAnsi" w:hAnsi="Times New Roman" w:cs="Times New Roman"/>
      <w:lang w:eastAsia="en-US"/>
    </w:rPr>
  </w:style>
  <w:style w:type="paragraph" w:customStyle="1" w:styleId="8D3BFB85E27945D1A079605EE6DB1CD4">
    <w:name w:val="8D3BFB85E27945D1A079605EE6DB1CD4"/>
    <w:rsid w:val="008E7F62"/>
    <w:pPr>
      <w:spacing w:after="0" w:line="260" w:lineRule="atLeast"/>
    </w:pPr>
    <w:rPr>
      <w:rFonts w:ascii="Times New Roman" w:eastAsiaTheme="minorHAnsi" w:hAnsi="Times New Roman" w:cs="Times New Roman"/>
      <w:lang w:eastAsia="en-US"/>
    </w:rPr>
  </w:style>
  <w:style w:type="paragraph" w:customStyle="1" w:styleId="A68A39899FDA4FAB86C285223E923D80">
    <w:name w:val="A68A39899FDA4FAB86C285223E923D80"/>
    <w:rsid w:val="008E7F62"/>
    <w:pPr>
      <w:spacing w:after="0" w:line="260" w:lineRule="atLeast"/>
    </w:pPr>
    <w:rPr>
      <w:rFonts w:ascii="Times New Roman" w:eastAsiaTheme="minorHAnsi" w:hAnsi="Times New Roman" w:cs="Times New Roman"/>
      <w:lang w:eastAsia="en-US"/>
    </w:rPr>
  </w:style>
  <w:style w:type="paragraph" w:customStyle="1" w:styleId="4838D26DD415451FB354043DE0741A01">
    <w:name w:val="4838D26DD415451FB354043DE0741A01"/>
    <w:rsid w:val="008E7F62"/>
    <w:pPr>
      <w:spacing w:after="0" w:line="260" w:lineRule="atLeast"/>
    </w:pPr>
    <w:rPr>
      <w:rFonts w:ascii="Times New Roman" w:eastAsiaTheme="minorHAnsi" w:hAnsi="Times New Roman" w:cs="Times New Roman"/>
      <w:lang w:eastAsia="en-US"/>
    </w:rPr>
  </w:style>
  <w:style w:type="paragraph" w:customStyle="1" w:styleId="711608C09F684BEEA4752A62C765A97C">
    <w:name w:val="711608C09F684BEEA4752A62C765A97C"/>
    <w:rsid w:val="008E7F62"/>
    <w:pPr>
      <w:spacing w:before="240" w:after="0" w:line="260" w:lineRule="atLeast"/>
      <w:jc w:val="both"/>
    </w:pPr>
    <w:rPr>
      <w:rFonts w:ascii="Times New Roman" w:eastAsiaTheme="minorHAnsi" w:hAnsi="Times New Roman" w:cs="Times New Roman"/>
      <w:lang w:eastAsia="en-US"/>
    </w:rPr>
  </w:style>
  <w:style w:type="paragraph" w:customStyle="1" w:styleId="F28A95BC9E3647E9A677C1D9FA0A201E">
    <w:name w:val="F28A95BC9E3647E9A677C1D9FA0A201E"/>
    <w:rsid w:val="008E7F62"/>
    <w:pPr>
      <w:spacing w:after="0" w:line="160" w:lineRule="atLeast"/>
      <w:jc w:val="both"/>
    </w:pPr>
    <w:rPr>
      <w:rFonts w:ascii="Arial" w:eastAsiaTheme="minorHAnsi" w:hAnsi="Arial" w:cs="Arial"/>
      <w:sz w:val="12"/>
      <w:lang w:eastAsia="en-US"/>
    </w:rPr>
  </w:style>
  <w:style w:type="paragraph" w:customStyle="1" w:styleId="0FD14C679B70402DA6548CA7CF76CE34">
    <w:name w:val="0FD14C679B70402DA6548CA7CF76CE34"/>
    <w:rsid w:val="008E7F62"/>
    <w:pPr>
      <w:spacing w:after="0" w:line="160" w:lineRule="atLeast"/>
      <w:jc w:val="both"/>
    </w:pPr>
    <w:rPr>
      <w:rFonts w:ascii="Arial" w:eastAsiaTheme="minorHAnsi" w:hAnsi="Arial" w:cs="Arial"/>
      <w:sz w:val="12"/>
      <w:lang w:eastAsia="en-US"/>
    </w:rPr>
  </w:style>
  <w:style w:type="paragraph" w:customStyle="1" w:styleId="78F32D31EC4D4D40A5436919E7019F9F">
    <w:name w:val="78F32D31EC4D4D40A5436919E7019F9F"/>
    <w:rsid w:val="008E7F62"/>
    <w:pPr>
      <w:spacing w:after="0" w:line="160" w:lineRule="atLeast"/>
      <w:jc w:val="both"/>
    </w:pPr>
    <w:rPr>
      <w:rFonts w:ascii="Arial" w:eastAsiaTheme="minorHAnsi" w:hAnsi="Arial" w:cs="Arial"/>
      <w:sz w:val="12"/>
      <w:lang w:eastAsia="en-US"/>
    </w:rPr>
  </w:style>
  <w:style w:type="paragraph" w:customStyle="1" w:styleId="024D08A0FDF64A1EBB2B8AECD7D81DAC">
    <w:name w:val="024D08A0FDF64A1EBB2B8AECD7D81DAC"/>
    <w:rsid w:val="008E7F62"/>
    <w:pPr>
      <w:spacing w:after="0" w:line="160" w:lineRule="atLeast"/>
      <w:jc w:val="both"/>
    </w:pPr>
    <w:rPr>
      <w:rFonts w:ascii="Arial" w:eastAsiaTheme="minorHAnsi" w:hAnsi="Arial" w:cs="Arial"/>
      <w:sz w:val="12"/>
      <w:lang w:eastAsia="en-US"/>
    </w:rPr>
  </w:style>
  <w:style w:type="paragraph" w:customStyle="1" w:styleId="A1E09C7BE207437A9F36FEDA6FD59729">
    <w:name w:val="A1E09C7BE207437A9F36FEDA6FD59729"/>
    <w:rsid w:val="008E7F62"/>
    <w:pPr>
      <w:spacing w:after="0" w:line="160" w:lineRule="atLeast"/>
      <w:jc w:val="both"/>
    </w:pPr>
    <w:rPr>
      <w:rFonts w:ascii="Arial" w:eastAsiaTheme="minorHAnsi" w:hAnsi="Arial" w:cs="Arial"/>
      <w:sz w:val="12"/>
      <w:lang w:eastAsia="en-US"/>
    </w:rPr>
  </w:style>
  <w:style w:type="paragraph" w:customStyle="1" w:styleId="9B4B4984540341C4AB234F1CBCF10449">
    <w:name w:val="9B4B4984540341C4AB234F1CBCF10449"/>
    <w:rsid w:val="008E7F62"/>
    <w:pPr>
      <w:spacing w:after="0" w:line="160" w:lineRule="atLeast"/>
      <w:jc w:val="both"/>
    </w:pPr>
    <w:rPr>
      <w:rFonts w:ascii="Arial" w:eastAsiaTheme="minorHAnsi" w:hAnsi="Arial" w:cs="Arial"/>
      <w:sz w:val="12"/>
      <w:lang w:eastAsia="en-US"/>
    </w:rPr>
  </w:style>
  <w:style w:type="paragraph" w:customStyle="1" w:styleId="061722D7F19F44E4B77E8A9FF6148EDF">
    <w:name w:val="061722D7F19F44E4B77E8A9FF6148EDF"/>
    <w:rsid w:val="003E55CB"/>
  </w:style>
  <w:style w:type="paragraph" w:customStyle="1" w:styleId="8C76748084004B7D99F3AA72E3A21EF9">
    <w:name w:val="8C76748084004B7D99F3AA72E3A21EF9"/>
    <w:rsid w:val="003E55CB"/>
  </w:style>
  <w:style w:type="paragraph" w:customStyle="1" w:styleId="4F3D52A303D740CD83DB4ADE3D0E1DCC">
    <w:name w:val="4F3D52A303D740CD83DB4ADE3D0E1DCC"/>
    <w:rsid w:val="003E55CB"/>
  </w:style>
  <w:style w:type="paragraph" w:customStyle="1" w:styleId="C1DBD64FD7C14C6CB7E923E0FA33BFFD">
    <w:name w:val="C1DBD64FD7C14C6CB7E923E0FA33BFFD"/>
    <w:rsid w:val="003E55CB"/>
  </w:style>
  <w:style w:type="paragraph" w:customStyle="1" w:styleId="A8CC6BB05A9A447887F0B8D165346766">
    <w:name w:val="A8CC6BB05A9A447887F0B8D165346766"/>
    <w:rsid w:val="003E55CB"/>
  </w:style>
  <w:style w:type="paragraph" w:customStyle="1" w:styleId="2862F5381CD9447DB6D47A56EECD00F4">
    <w:name w:val="2862F5381CD9447DB6D47A56EECD00F4"/>
    <w:rsid w:val="003E55CB"/>
  </w:style>
  <w:style w:type="paragraph" w:customStyle="1" w:styleId="D213FAFE6BE04F1890281275098CD354">
    <w:name w:val="D213FAFE6BE04F1890281275098CD354"/>
    <w:rsid w:val="003E55CB"/>
  </w:style>
  <w:style w:type="paragraph" w:customStyle="1" w:styleId="BCDDFD3141E041FBA2A73455063F32C5">
    <w:name w:val="BCDDFD3141E041FBA2A73455063F32C5"/>
    <w:rsid w:val="003E55CB"/>
  </w:style>
  <w:style w:type="paragraph" w:customStyle="1" w:styleId="649579F4D1FC4E11AF61BD50BE9E952D">
    <w:name w:val="649579F4D1FC4E11AF61BD50BE9E952D"/>
    <w:rsid w:val="003E55CB"/>
  </w:style>
  <w:style w:type="paragraph" w:customStyle="1" w:styleId="192564C2C2F149B5A16825F11EF1A198">
    <w:name w:val="192564C2C2F149B5A16825F11EF1A198"/>
    <w:rsid w:val="003E55CB"/>
  </w:style>
  <w:style w:type="paragraph" w:customStyle="1" w:styleId="A5697892301A43E2AAC2695E906EFE4B">
    <w:name w:val="A5697892301A43E2AAC2695E906EFE4B"/>
    <w:rsid w:val="003E55CB"/>
  </w:style>
  <w:style w:type="paragraph" w:customStyle="1" w:styleId="1E49BE1384994A00A32C13D38C050B7D">
    <w:name w:val="1E49BE1384994A00A32C13D38C050B7D"/>
    <w:rsid w:val="003E55CB"/>
  </w:style>
  <w:style w:type="paragraph" w:customStyle="1" w:styleId="FE425F99BD7F42FCAA7E4C358F569B93">
    <w:name w:val="FE425F99BD7F42FCAA7E4C358F569B93"/>
    <w:rsid w:val="003E55CB"/>
  </w:style>
  <w:style w:type="paragraph" w:customStyle="1" w:styleId="BB0F5FA65D55484495B3FB351D16BC3F">
    <w:name w:val="BB0F5FA65D55484495B3FB351D16BC3F"/>
    <w:rsid w:val="003E55CB"/>
  </w:style>
  <w:style w:type="paragraph" w:customStyle="1" w:styleId="703AB8A9B85845578AF212EBED5AA659">
    <w:name w:val="703AB8A9B85845578AF212EBED5AA659"/>
    <w:rsid w:val="003E55CB"/>
  </w:style>
  <w:style w:type="paragraph" w:customStyle="1" w:styleId="855D7CEF251347AC882006621027A8FF">
    <w:name w:val="855D7CEF251347AC882006621027A8FF"/>
    <w:rsid w:val="003E55CB"/>
  </w:style>
  <w:style w:type="paragraph" w:customStyle="1" w:styleId="14575464E76F450BBF486474D8B93F3D">
    <w:name w:val="14575464E76F450BBF486474D8B93F3D"/>
    <w:rsid w:val="003E55CB"/>
  </w:style>
  <w:style w:type="paragraph" w:customStyle="1" w:styleId="F06EA84E16304EA5911D1D3D04492F93">
    <w:name w:val="F06EA84E16304EA5911D1D3D04492F93"/>
    <w:rsid w:val="003E55CB"/>
  </w:style>
  <w:style w:type="paragraph" w:customStyle="1" w:styleId="541D6135E8364EB39CC5F9793AFB32D7">
    <w:name w:val="541D6135E8364EB39CC5F9793AFB32D7"/>
    <w:rsid w:val="003E55CB"/>
  </w:style>
  <w:style w:type="paragraph" w:customStyle="1" w:styleId="F4B5792ACFC148C7BA21A4EAAB734160">
    <w:name w:val="F4B5792ACFC148C7BA21A4EAAB734160"/>
    <w:rsid w:val="003E55CB"/>
  </w:style>
  <w:style w:type="paragraph" w:customStyle="1" w:styleId="E33AD8A967F14BF882F56EE1AFF9DEB0">
    <w:name w:val="E33AD8A967F14BF882F56EE1AFF9DEB0"/>
    <w:rsid w:val="003E55CB"/>
  </w:style>
  <w:style w:type="paragraph" w:customStyle="1" w:styleId="47245E20AA9F40D08A2493395FD5AE41">
    <w:name w:val="47245E20AA9F40D08A2493395FD5AE41"/>
    <w:rsid w:val="003E55CB"/>
  </w:style>
  <w:style w:type="paragraph" w:customStyle="1" w:styleId="9E6A333896044D7C8CD29FE5E07C3195">
    <w:name w:val="9E6A333896044D7C8CD29FE5E07C3195"/>
    <w:rsid w:val="003E55CB"/>
  </w:style>
  <w:style w:type="paragraph" w:customStyle="1" w:styleId="7072E35412C1416B8D7207E001CA7597">
    <w:name w:val="7072E35412C1416B8D7207E001CA7597"/>
    <w:rsid w:val="003E55CB"/>
  </w:style>
  <w:style w:type="paragraph" w:customStyle="1" w:styleId="33107B9DE57D4E8E8A77D1D9D96EA2B5">
    <w:name w:val="33107B9DE57D4E8E8A77D1D9D96EA2B5"/>
    <w:rsid w:val="003E55CB"/>
  </w:style>
  <w:style w:type="paragraph" w:customStyle="1" w:styleId="32973B1F2D5F430E8C5538D05E7E3512">
    <w:name w:val="32973B1F2D5F430E8C5538D05E7E3512"/>
    <w:rsid w:val="003E55CB"/>
  </w:style>
  <w:style w:type="paragraph" w:customStyle="1" w:styleId="3EB64EC70E084117818B68252E59924A">
    <w:name w:val="3EB64EC70E084117818B68252E59924A"/>
    <w:rsid w:val="003E55CB"/>
  </w:style>
  <w:style w:type="paragraph" w:customStyle="1" w:styleId="AONormal">
    <w:name w:val="AONormal"/>
    <w:rsid w:val="006D51BD"/>
    <w:pPr>
      <w:spacing w:after="0" w:line="260" w:lineRule="atLeast"/>
    </w:pPr>
    <w:rPr>
      <w:rFonts w:ascii="Times New Roman" w:eastAsiaTheme="minorHAnsi" w:hAnsi="Times New Roman" w:cs="Times New Roman"/>
      <w:lang w:eastAsia="en-US"/>
    </w:rPr>
  </w:style>
  <w:style w:type="paragraph" w:customStyle="1" w:styleId="AONormal8L">
    <w:name w:val="AONormal8L"/>
    <w:basedOn w:val="AONormal"/>
    <w:rsid w:val="006D51BD"/>
    <w:pPr>
      <w:spacing w:line="220" w:lineRule="atLeast"/>
    </w:pPr>
    <w:rPr>
      <w:rFonts w:ascii="Arial" w:hAnsi="Arial" w:cs="Arial"/>
      <w:sz w:val="16"/>
    </w:rPr>
  </w:style>
  <w:style w:type="paragraph" w:customStyle="1" w:styleId="AONormal8LBold">
    <w:name w:val="AONormal8LBold"/>
    <w:basedOn w:val="AONormal8L"/>
    <w:rsid w:val="006D51BD"/>
    <w:rPr>
      <w:b/>
    </w:rPr>
  </w:style>
  <w:style w:type="paragraph" w:customStyle="1" w:styleId="AONormalBold">
    <w:name w:val="AONormalBold"/>
    <w:basedOn w:val="AONormal"/>
    <w:rsid w:val="006D51BD"/>
    <w:rPr>
      <w:b/>
    </w:rPr>
  </w:style>
  <w:style w:type="table" w:styleId="Mkatabulky">
    <w:name w:val="Table Grid"/>
    <w:basedOn w:val="Normlntabulka"/>
    <w:uiPriority w:val="59"/>
    <w:rsid w:val="009213AC"/>
    <w:pPr>
      <w:spacing w:after="0" w:line="240" w:lineRule="auto"/>
    </w:pPr>
    <w:rPr>
      <w:rFonts w:ascii="Times New Roman" w:eastAsiaTheme="minorHAnsi" w:hAnsi="Times New Roman"/>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5A752001D0EA4949BA6A5BAA26499120">
    <w:name w:val="5A752001D0EA4949BA6A5BAA26499120"/>
    <w:rsid w:val="003E55CB"/>
  </w:style>
  <w:style w:type="paragraph" w:customStyle="1" w:styleId="3615CCD963014464874C63F395A190AA">
    <w:name w:val="3615CCD963014464874C63F395A190AA"/>
    <w:rsid w:val="003E55CB"/>
  </w:style>
  <w:style w:type="paragraph" w:customStyle="1" w:styleId="CC8D01C64ACB4901A7DE832321F9D691">
    <w:name w:val="CC8D01C64ACB4901A7DE832321F9D691"/>
    <w:rsid w:val="003E55CB"/>
  </w:style>
  <w:style w:type="paragraph" w:customStyle="1" w:styleId="EBD0F62BA9E340F7A6768A26E3BFA7B1">
    <w:name w:val="EBD0F62BA9E340F7A6768A26E3BFA7B1"/>
    <w:rsid w:val="003E55CB"/>
  </w:style>
  <w:style w:type="paragraph" w:customStyle="1" w:styleId="8CD05FA31A2143259752A0AAAD24883D">
    <w:name w:val="8CD05FA31A2143259752A0AAAD24883D"/>
    <w:rsid w:val="003E55CB"/>
  </w:style>
  <w:style w:type="paragraph" w:customStyle="1" w:styleId="6325B972961D469DBB6FAD6226C6BE14">
    <w:name w:val="6325B972961D469DBB6FAD6226C6BE14"/>
    <w:rsid w:val="003E55CB"/>
  </w:style>
  <w:style w:type="paragraph" w:customStyle="1" w:styleId="B610643FCC134719A01488F9ADF17EFD">
    <w:name w:val="B610643FCC134719A01488F9ADF17EFD"/>
    <w:rsid w:val="003E55CB"/>
  </w:style>
  <w:style w:type="paragraph" w:customStyle="1" w:styleId="DD1B838F416449AD84B7802D8E91098A">
    <w:name w:val="DD1B838F416449AD84B7802D8E91098A"/>
    <w:rsid w:val="003E55CB"/>
  </w:style>
  <w:style w:type="paragraph" w:customStyle="1" w:styleId="9FB1B98F30B84FCB8C391C89F6EC4192">
    <w:name w:val="9FB1B98F30B84FCB8C391C89F6EC4192"/>
    <w:rsid w:val="003E55CB"/>
  </w:style>
  <w:style w:type="paragraph" w:customStyle="1" w:styleId="29EE4ACB248C4E10B9C3C7E69101AE40">
    <w:name w:val="29EE4ACB248C4E10B9C3C7E69101AE40"/>
    <w:rsid w:val="003E55CB"/>
  </w:style>
  <w:style w:type="paragraph" w:customStyle="1" w:styleId="959E1521AF2A4C58A6888D88358828E3">
    <w:name w:val="959E1521AF2A4C58A6888D88358828E3"/>
    <w:rsid w:val="003E55CB"/>
  </w:style>
  <w:style w:type="paragraph" w:customStyle="1" w:styleId="5F33F03320FC4973BAA320E788C8BB35">
    <w:name w:val="5F33F03320FC4973BAA320E788C8BB35"/>
    <w:rsid w:val="003E55CB"/>
  </w:style>
  <w:style w:type="paragraph" w:customStyle="1" w:styleId="A04E5B41C273400FBD609E1E49A6B2EE">
    <w:name w:val="A04E5B41C273400FBD609E1E49A6B2EE"/>
    <w:rsid w:val="003E55CB"/>
  </w:style>
  <w:style w:type="paragraph" w:customStyle="1" w:styleId="303F5BF0C2554B2DAA1F1BCF83C4A4F9">
    <w:name w:val="303F5BF0C2554B2DAA1F1BCF83C4A4F9"/>
    <w:rsid w:val="003E55CB"/>
  </w:style>
  <w:style w:type="paragraph" w:customStyle="1" w:styleId="10A9F26E86844EC1A31C2C1F8C5F3CCA">
    <w:name w:val="10A9F26E86844EC1A31C2C1F8C5F3CCA"/>
    <w:rsid w:val="003E55CB"/>
  </w:style>
  <w:style w:type="paragraph" w:customStyle="1" w:styleId="80D7A6B6E0904447872A6F6300B8EFD1">
    <w:name w:val="80D7A6B6E0904447872A6F6300B8EFD1"/>
    <w:rsid w:val="003E55CB"/>
  </w:style>
  <w:style w:type="paragraph" w:customStyle="1" w:styleId="FD49E78A43BA464EA62B9077EDE22377">
    <w:name w:val="FD49E78A43BA464EA62B9077EDE22377"/>
    <w:rsid w:val="003E55CB"/>
  </w:style>
  <w:style w:type="paragraph" w:customStyle="1" w:styleId="62C0A095AF734CE7B61B2F6AC9EFC0C3">
    <w:name w:val="62C0A095AF734CE7B61B2F6AC9EFC0C3"/>
    <w:rsid w:val="003E55CB"/>
  </w:style>
  <w:style w:type="paragraph" w:customStyle="1" w:styleId="0F1ECFD26BFC423C872DB2510C6C3EC3">
    <w:name w:val="0F1ECFD26BFC423C872DB2510C6C3EC3"/>
    <w:rsid w:val="003E55CB"/>
  </w:style>
  <w:style w:type="paragraph" w:customStyle="1" w:styleId="46E5966D2FFE49D3A26B7777551C5FAC">
    <w:name w:val="46E5966D2FFE49D3A26B7777551C5FAC"/>
    <w:rsid w:val="003E55CB"/>
  </w:style>
  <w:style w:type="paragraph" w:customStyle="1" w:styleId="AODocTxt">
    <w:name w:val="AODocTxt"/>
    <w:basedOn w:val="Normln"/>
    <w:rsid w:val="006D51BD"/>
    <w:pPr>
      <w:spacing w:before="240" w:after="0" w:line="260" w:lineRule="atLeast"/>
      <w:jc w:val="both"/>
    </w:pPr>
    <w:rPr>
      <w:rFonts w:ascii="Times New Roman" w:eastAsiaTheme="minorHAnsi" w:hAnsi="Times New Roman"/>
      <w:sz w:val="22"/>
      <w:szCs w:val="22"/>
      <w:lang w:eastAsia="en-US"/>
    </w:rPr>
  </w:style>
  <w:style w:type="paragraph" w:customStyle="1" w:styleId="27D818F2B53B4EE986ED6C44D19E68FB2">
    <w:name w:val="27D818F2B53B4EE986ED6C44D19E68FB2"/>
    <w:rsid w:val="005D7A44"/>
    <w:pPr>
      <w:spacing w:after="0" w:line="260" w:lineRule="atLeast"/>
    </w:pPr>
    <w:rPr>
      <w:rFonts w:ascii="Times New Roman" w:eastAsiaTheme="minorHAnsi" w:hAnsi="Times New Roman" w:cs="Times New Roman"/>
      <w:b/>
      <w:lang w:eastAsia="en-US"/>
    </w:rPr>
  </w:style>
  <w:style w:type="paragraph" w:customStyle="1" w:styleId="EDD6DA14852D4300B97E580F412F8A0F2">
    <w:name w:val="EDD6DA14852D4300B97E580F412F8A0F2"/>
    <w:rsid w:val="005D7A44"/>
    <w:pPr>
      <w:spacing w:after="0" w:line="260" w:lineRule="atLeast"/>
    </w:pPr>
    <w:rPr>
      <w:rFonts w:ascii="Times New Roman" w:eastAsiaTheme="minorHAnsi" w:hAnsi="Times New Roman" w:cs="Times New Roman"/>
      <w:lang w:eastAsia="en-US"/>
    </w:rPr>
  </w:style>
  <w:style w:type="paragraph" w:customStyle="1" w:styleId="9D2C49081C644766A826A673FC7B5EA52">
    <w:name w:val="9D2C49081C644766A826A673FC7B5EA52"/>
    <w:rsid w:val="005D7A44"/>
    <w:pPr>
      <w:spacing w:after="0" w:line="220" w:lineRule="atLeast"/>
    </w:pPr>
    <w:rPr>
      <w:rFonts w:ascii="Arial" w:eastAsiaTheme="minorHAnsi" w:hAnsi="Arial" w:cs="Arial"/>
      <w:sz w:val="16"/>
      <w:lang w:eastAsia="en-US"/>
    </w:rPr>
  </w:style>
  <w:style w:type="paragraph" w:customStyle="1" w:styleId="08403DB8E817441C8803D01AB69554A92">
    <w:name w:val="08403DB8E817441C8803D01AB69554A92"/>
    <w:rsid w:val="005D7A44"/>
    <w:pPr>
      <w:spacing w:after="0" w:line="220" w:lineRule="atLeast"/>
    </w:pPr>
    <w:rPr>
      <w:rFonts w:ascii="Arial" w:eastAsiaTheme="minorHAnsi" w:hAnsi="Arial" w:cs="Arial"/>
      <w:sz w:val="16"/>
      <w:lang w:eastAsia="en-US"/>
    </w:rPr>
  </w:style>
  <w:style w:type="paragraph" w:customStyle="1" w:styleId="4C04B352D97B4EE8BAAA8AEFB92DDF632">
    <w:name w:val="4C04B352D97B4EE8BAAA8AEFB92DDF632"/>
    <w:rsid w:val="005D7A44"/>
    <w:pPr>
      <w:spacing w:after="0" w:line="220" w:lineRule="atLeast"/>
    </w:pPr>
    <w:rPr>
      <w:rFonts w:ascii="Arial" w:eastAsiaTheme="minorHAnsi" w:hAnsi="Arial" w:cs="Arial"/>
      <w:sz w:val="16"/>
      <w:lang w:eastAsia="en-US"/>
    </w:rPr>
  </w:style>
  <w:style w:type="paragraph" w:customStyle="1" w:styleId="9E8F70403BB642E89E82497F917153092">
    <w:name w:val="9E8F70403BB642E89E82497F917153092"/>
    <w:rsid w:val="005D7A44"/>
    <w:pPr>
      <w:spacing w:after="0" w:line="220" w:lineRule="atLeast"/>
    </w:pPr>
    <w:rPr>
      <w:rFonts w:ascii="Arial" w:eastAsiaTheme="minorHAnsi" w:hAnsi="Arial" w:cs="Arial"/>
      <w:sz w:val="16"/>
      <w:lang w:eastAsia="en-US"/>
    </w:rPr>
  </w:style>
  <w:style w:type="paragraph" w:customStyle="1" w:styleId="2579FF38070243E3BB4C21A3E5FB94232">
    <w:name w:val="2579FF38070243E3BB4C21A3E5FB94232"/>
    <w:rsid w:val="005D7A44"/>
    <w:pPr>
      <w:spacing w:after="0" w:line="220" w:lineRule="atLeast"/>
    </w:pPr>
    <w:rPr>
      <w:rFonts w:ascii="Arial" w:eastAsiaTheme="minorHAnsi" w:hAnsi="Arial" w:cs="Arial"/>
      <w:sz w:val="16"/>
      <w:lang w:eastAsia="en-US"/>
    </w:rPr>
  </w:style>
  <w:style w:type="paragraph" w:customStyle="1" w:styleId="A8BA9085CF7648238AB8F0F986C0E6292">
    <w:name w:val="A8BA9085CF7648238AB8F0F986C0E6292"/>
    <w:rsid w:val="005D7A44"/>
    <w:pPr>
      <w:spacing w:after="0" w:line="220" w:lineRule="atLeast"/>
    </w:pPr>
    <w:rPr>
      <w:rFonts w:ascii="Arial" w:eastAsiaTheme="minorHAnsi" w:hAnsi="Arial" w:cs="Arial"/>
      <w:sz w:val="16"/>
      <w:lang w:eastAsia="en-US"/>
    </w:rPr>
  </w:style>
  <w:style w:type="paragraph" w:customStyle="1" w:styleId="1597CB91FE564764B48E15AF90A3211C2">
    <w:name w:val="1597CB91FE564764B48E15AF90A3211C2"/>
    <w:rsid w:val="005D7A44"/>
    <w:pPr>
      <w:spacing w:after="0" w:line="220" w:lineRule="atLeast"/>
    </w:pPr>
    <w:rPr>
      <w:rFonts w:ascii="Arial" w:eastAsiaTheme="minorHAnsi" w:hAnsi="Arial" w:cs="Arial"/>
      <w:sz w:val="16"/>
      <w:lang w:eastAsia="en-US"/>
    </w:rPr>
  </w:style>
  <w:style w:type="paragraph" w:customStyle="1" w:styleId="27D818F2B53B4EE986ED6C44D19E68FB3">
    <w:name w:val="27D818F2B53B4EE986ED6C44D19E68FB3"/>
    <w:rsid w:val="005D7A44"/>
    <w:pPr>
      <w:spacing w:after="0" w:line="260" w:lineRule="atLeast"/>
    </w:pPr>
    <w:rPr>
      <w:rFonts w:ascii="Times New Roman" w:eastAsiaTheme="minorHAnsi" w:hAnsi="Times New Roman" w:cs="Times New Roman"/>
      <w:b/>
      <w:lang w:eastAsia="en-US"/>
    </w:rPr>
  </w:style>
  <w:style w:type="paragraph" w:customStyle="1" w:styleId="EDD6DA14852D4300B97E580F412F8A0F3">
    <w:name w:val="EDD6DA14852D4300B97E580F412F8A0F3"/>
    <w:rsid w:val="005D7A44"/>
    <w:pPr>
      <w:spacing w:after="0" w:line="260" w:lineRule="atLeast"/>
    </w:pPr>
    <w:rPr>
      <w:rFonts w:ascii="Times New Roman" w:eastAsiaTheme="minorHAnsi" w:hAnsi="Times New Roman" w:cs="Times New Roman"/>
      <w:lang w:eastAsia="en-US"/>
    </w:rPr>
  </w:style>
  <w:style w:type="paragraph" w:customStyle="1" w:styleId="9D2C49081C644766A826A673FC7B5EA53">
    <w:name w:val="9D2C49081C644766A826A673FC7B5EA53"/>
    <w:rsid w:val="005D7A44"/>
    <w:pPr>
      <w:spacing w:after="0" w:line="220" w:lineRule="atLeast"/>
    </w:pPr>
    <w:rPr>
      <w:rFonts w:ascii="Arial" w:eastAsiaTheme="minorHAnsi" w:hAnsi="Arial" w:cs="Arial"/>
      <w:sz w:val="16"/>
      <w:lang w:eastAsia="en-US"/>
    </w:rPr>
  </w:style>
  <w:style w:type="paragraph" w:customStyle="1" w:styleId="08403DB8E817441C8803D01AB69554A93">
    <w:name w:val="08403DB8E817441C8803D01AB69554A93"/>
    <w:rsid w:val="005D7A44"/>
    <w:pPr>
      <w:spacing w:after="0" w:line="220" w:lineRule="atLeast"/>
    </w:pPr>
    <w:rPr>
      <w:rFonts w:ascii="Arial" w:eastAsiaTheme="minorHAnsi" w:hAnsi="Arial" w:cs="Arial"/>
      <w:sz w:val="16"/>
      <w:lang w:eastAsia="en-US"/>
    </w:rPr>
  </w:style>
  <w:style w:type="paragraph" w:customStyle="1" w:styleId="4C04B352D97B4EE8BAAA8AEFB92DDF633">
    <w:name w:val="4C04B352D97B4EE8BAAA8AEFB92DDF633"/>
    <w:rsid w:val="005D7A44"/>
    <w:pPr>
      <w:spacing w:after="0" w:line="220" w:lineRule="atLeast"/>
    </w:pPr>
    <w:rPr>
      <w:rFonts w:ascii="Arial" w:eastAsiaTheme="minorHAnsi" w:hAnsi="Arial" w:cs="Arial"/>
      <w:sz w:val="16"/>
      <w:lang w:eastAsia="en-US"/>
    </w:rPr>
  </w:style>
  <w:style w:type="paragraph" w:customStyle="1" w:styleId="9E8F70403BB642E89E82497F917153093">
    <w:name w:val="9E8F70403BB642E89E82497F917153093"/>
    <w:rsid w:val="005D7A44"/>
    <w:pPr>
      <w:spacing w:after="0" w:line="220" w:lineRule="atLeast"/>
    </w:pPr>
    <w:rPr>
      <w:rFonts w:ascii="Arial" w:eastAsiaTheme="minorHAnsi" w:hAnsi="Arial" w:cs="Arial"/>
      <w:sz w:val="16"/>
      <w:lang w:eastAsia="en-US"/>
    </w:rPr>
  </w:style>
  <w:style w:type="paragraph" w:customStyle="1" w:styleId="2579FF38070243E3BB4C21A3E5FB94233">
    <w:name w:val="2579FF38070243E3BB4C21A3E5FB94233"/>
    <w:rsid w:val="005D7A44"/>
    <w:pPr>
      <w:spacing w:after="0" w:line="220" w:lineRule="atLeast"/>
    </w:pPr>
    <w:rPr>
      <w:rFonts w:ascii="Arial" w:eastAsiaTheme="minorHAnsi" w:hAnsi="Arial" w:cs="Arial"/>
      <w:sz w:val="16"/>
      <w:lang w:eastAsia="en-US"/>
    </w:rPr>
  </w:style>
  <w:style w:type="paragraph" w:customStyle="1" w:styleId="A8BA9085CF7648238AB8F0F986C0E6293">
    <w:name w:val="A8BA9085CF7648238AB8F0F986C0E6293"/>
    <w:rsid w:val="005D7A44"/>
    <w:pPr>
      <w:spacing w:after="0" w:line="220" w:lineRule="atLeast"/>
    </w:pPr>
    <w:rPr>
      <w:rFonts w:ascii="Arial" w:eastAsiaTheme="minorHAnsi" w:hAnsi="Arial" w:cs="Arial"/>
      <w:sz w:val="16"/>
      <w:lang w:eastAsia="en-US"/>
    </w:rPr>
  </w:style>
  <w:style w:type="paragraph" w:customStyle="1" w:styleId="1597CB91FE564764B48E15AF90A3211C3">
    <w:name w:val="1597CB91FE564764B48E15AF90A3211C3"/>
    <w:rsid w:val="005D7A44"/>
    <w:pPr>
      <w:spacing w:after="0" w:line="220" w:lineRule="atLeast"/>
    </w:pPr>
    <w:rPr>
      <w:rFonts w:ascii="Arial" w:eastAsiaTheme="minorHAnsi" w:hAnsi="Arial" w:cs="Arial"/>
      <w:sz w:val="16"/>
      <w:lang w:eastAsia="en-US"/>
    </w:rPr>
  </w:style>
  <w:style w:type="paragraph" w:customStyle="1" w:styleId="8C3B2615C5874A77A2073DAA1F87AABC2">
    <w:name w:val="8C3B2615C5874A77A2073DAA1F87AABC2"/>
    <w:rsid w:val="005D7A44"/>
    <w:pPr>
      <w:spacing w:after="0" w:line="220" w:lineRule="atLeast"/>
    </w:pPr>
    <w:rPr>
      <w:rFonts w:ascii="Arial" w:eastAsiaTheme="minorHAnsi" w:hAnsi="Arial" w:cs="Arial"/>
      <w:sz w:val="16"/>
      <w:lang w:eastAsia="en-US"/>
    </w:rPr>
  </w:style>
  <w:style w:type="paragraph" w:customStyle="1" w:styleId="C94FD076F3A7411AB59FDBB042587D412">
    <w:name w:val="C94FD076F3A7411AB59FDBB042587D412"/>
    <w:rsid w:val="005D7A44"/>
    <w:pPr>
      <w:spacing w:after="0" w:line="220" w:lineRule="atLeast"/>
    </w:pPr>
    <w:rPr>
      <w:rFonts w:ascii="Arial" w:eastAsiaTheme="minorHAnsi" w:hAnsi="Arial" w:cs="Arial"/>
      <w:sz w:val="16"/>
      <w:lang w:eastAsia="en-US"/>
    </w:rPr>
  </w:style>
  <w:style w:type="paragraph" w:customStyle="1" w:styleId="E9DE4B0168704FB7B9227AC74AED80E72">
    <w:name w:val="E9DE4B0168704FB7B9227AC74AED80E72"/>
    <w:rsid w:val="005D7A44"/>
    <w:pPr>
      <w:spacing w:after="0" w:line="220" w:lineRule="atLeast"/>
    </w:pPr>
    <w:rPr>
      <w:rFonts w:ascii="Arial" w:eastAsiaTheme="minorHAnsi" w:hAnsi="Arial" w:cs="Arial"/>
      <w:sz w:val="16"/>
      <w:lang w:eastAsia="en-US"/>
    </w:rPr>
  </w:style>
  <w:style w:type="paragraph" w:customStyle="1" w:styleId="AC7D1CAF745A45EA86567B6C1386BA852">
    <w:name w:val="AC7D1CAF745A45EA86567B6C1386BA852"/>
    <w:rsid w:val="005D7A44"/>
    <w:pPr>
      <w:spacing w:after="0" w:line="220" w:lineRule="atLeast"/>
    </w:pPr>
    <w:rPr>
      <w:rFonts w:ascii="Arial" w:eastAsiaTheme="minorHAnsi" w:hAnsi="Arial" w:cs="Arial"/>
      <w:sz w:val="16"/>
      <w:lang w:eastAsia="en-US"/>
    </w:rPr>
  </w:style>
  <w:style w:type="paragraph" w:customStyle="1" w:styleId="317DE19FD44E4DB593D1E10652A997372">
    <w:name w:val="317DE19FD44E4DB593D1E10652A997372"/>
    <w:rsid w:val="005D7A44"/>
    <w:pPr>
      <w:spacing w:after="0" w:line="220" w:lineRule="atLeast"/>
    </w:pPr>
    <w:rPr>
      <w:rFonts w:ascii="Arial" w:eastAsiaTheme="minorHAnsi" w:hAnsi="Arial" w:cs="Arial"/>
      <w:sz w:val="16"/>
      <w:lang w:eastAsia="en-US"/>
    </w:rPr>
  </w:style>
  <w:style w:type="paragraph" w:customStyle="1" w:styleId="85B7575D201A4260B2737943017CC6A72">
    <w:name w:val="85B7575D201A4260B2737943017CC6A72"/>
    <w:rsid w:val="005D7A44"/>
    <w:pPr>
      <w:spacing w:after="0" w:line="220" w:lineRule="atLeast"/>
    </w:pPr>
    <w:rPr>
      <w:rFonts w:ascii="Arial" w:eastAsiaTheme="minorHAnsi" w:hAnsi="Arial" w:cs="Arial"/>
      <w:sz w:val="16"/>
      <w:lang w:eastAsia="en-US"/>
    </w:rPr>
  </w:style>
  <w:style w:type="paragraph" w:customStyle="1" w:styleId="723046F7E1DE464DBA4E2341F6B41E3F1">
    <w:name w:val="723046F7E1DE464DBA4E2341F6B41E3F1"/>
    <w:rsid w:val="005D7A44"/>
    <w:pPr>
      <w:spacing w:after="0" w:line="260" w:lineRule="atLeast"/>
    </w:pPr>
    <w:rPr>
      <w:rFonts w:ascii="Times New Roman" w:eastAsiaTheme="minorHAnsi" w:hAnsi="Times New Roman" w:cs="Times New Roman"/>
      <w:lang w:eastAsia="en-US"/>
    </w:rPr>
  </w:style>
  <w:style w:type="paragraph" w:customStyle="1" w:styleId="DAF5D3FAD8D04956ABFEAAA3FF5A71BB1">
    <w:name w:val="DAF5D3FAD8D04956ABFEAAA3FF5A71BB1"/>
    <w:rsid w:val="005D7A44"/>
    <w:pPr>
      <w:spacing w:after="0" w:line="260" w:lineRule="atLeast"/>
    </w:pPr>
    <w:rPr>
      <w:rFonts w:ascii="Times New Roman" w:eastAsiaTheme="minorHAnsi" w:hAnsi="Times New Roman" w:cs="Times New Roman"/>
      <w:lang w:eastAsia="en-US"/>
    </w:rPr>
  </w:style>
  <w:style w:type="paragraph" w:customStyle="1" w:styleId="01C91DACF0C94DAC92D92EE351B6E0261">
    <w:name w:val="01C91DACF0C94DAC92D92EE351B6E0261"/>
    <w:rsid w:val="005D7A44"/>
    <w:pPr>
      <w:spacing w:after="0" w:line="260" w:lineRule="atLeast"/>
    </w:pPr>
    <w:rPr>
      <w:rFonts w:ascii="Times New Roman" w:eastAsiaTheme="minorHAnsi" w:hAnsi="Times New Roman" w:cs="Times New Roman"/>
      <w:lang w:eastAsia="en-US"/>
    </w:rPr>
  </w:style>
  <w:style w:type="paragraph" w:customStyle="1" w:styleId="65F8364AC85446D3ACADDF42963C7FCE1">
    <w:name w:val="65F8364AC85446D3ACADDF42963C7FCE1"/>
    <w:rsid w:val="005D7A44"/>
    <w:pPr>
      <w:spacing w:after="0" w:line="260" w:lineRule="atLeast"/>
    </w:pPr>
    <w:rPr>
      <w:rFonts w:ascii="Times New Roman" w:eastAsiaTheme="minorHAnsi" w:hAnsi="Times New Roman" w:cs="Times New Roman"/>
      <w:lang w:eastAsia="en-US"/>
    </w:rPr>
  </w:style>
  <w:style w:type="paragraph" w:customStyle="1" w:styleId="1B3BDD3FBC0B4A96B673ABB37257B2B91">
    <w:name w:val="1B3BDD3FBC0B4A96B673ABB37257B2B91"/>
    <w:rsid w:val="005D7A44"/>
    <w:pPr>
      <w:spacing w:after="0" w:line="260" w:lineRule="atLeast"/>
    </w:pPr>
    <w:rPr>
      <w:rFonts w:ascii="Times New Roman" w:eastAsiaTheme="minorHAnsi" w:hAnsi="Times New Roman" w:cs="Times New Roman"/>
      <w:lang w:eastAsia="en-US"/>
    </w:rPr>
  </w:style>
  <w:style w:type="paragraph" w:customStyle="1" w:styleId="826B672311B14096AD7ED81284E85F9C1">
    <w:name w:val="826B672311B14096AD7ED81284E85F9C1"/>
    <w:rsid w:val="005D7A44"/>
    <w:pPr>
      <w:spacing w:after="0" w:line="260" w:lineRule="atLeast"/>
    </w:pPr>
    <w:rPr>
      <w:rFonts w:ascii="Times New Roman" w:eastAsiaTheme="minorHAnsi" w:hAnsi="Times New Roman" w:cs="Times New Roman"/>
      <w:lang w:eastAsia="en-US"/>
    </w:rPr>
  </w:style>
  <w:style w:type="paragraph" w:customStyle="1" w:styleId="550F2387895A4969AA7E54203757A0DB1">
    <w:name w:val="550F2387895A4969AA7E54203757A0DB1"/>
    <w:rsid w:val="005D7A44"/>
    <w:pPr>
      <w:spacing w:after="0" w:line="260" w:lineRule="atLeast"/>
    </w:pPr>
    <w:rPr>
      <w:rFonts w:ascii="Times New Roman" w:eastAsiaTheme="minorHAnsi" w:hAnsi="Times New Roman" w:cs="Times New Roman"/>
      <w:b/>
      <w:lang w:eastAsia="en-US"/>
    </w:rPr>
  </w:style>
  <w:style w:type="paragraph" w:customStyle="1" w:styleId="F3DEBC01D4E54DF281E4A77D6FBCD0811">
    <w:name w:val="F3DEBC01D4E54DF281E4A77D6FBCD0811"/>
    <w:rsid w:val="005D7A44"/>
    <w:pPr>
      <w:spacing w:before="240" w:after="0" w:line="260" w:lineRule="atLeast"/>
      <w:jc w:val="both"/>
    </w:pPr>
    <w:rPr>
      <w:rFonts w:ascii="Times New Roman" w:eastAsiaTheme="minorHAnsi" w:hAnsi="Times New Roman" w:cs="Times New Roman"/>
      <w:lang w:eastAsia="en-US"/>
    </w:rPr>
  </w:style>
  <w:style w:type="paragraph" w:customStyle="1" w:styleId="E9AB0C769FF14C3B839227E0180091BD1">
    <w:name w:val="E9AB0C769FF14C3B839227E0180091BD1"/>
    <w:rsid w:val="005D7A44"/>
    <w:pPr>
      <w:spacing w:after="0" w:line="260" w:lineRule="atLeast"/>
    </w:pPr>
    <w:rPr>
      <w:rFonts w:ascii="Times New Roman" w:eastAsiaTheme="minorHAnsi" w:hAnsi="Times New Roman" w:cs="Times New Roman"/>
      <w:b/>
      <w:lang w:eastAsia="en-US"/>
    </w:rPr>
  </w:style>
  <w:style w:type="paragraph" w:customStyle="1" w:styleId="3CD17A28EFFA4334826F726D1C5A74771">
    <w:name w:val="3CD17A28EFFA4334826F726D1C5A74771"/>
    <w:rsid w:val="005D7A44"/>
    <w:pPr>
      <w:spacing w:after="0" w:line="260" w:lineRule="atLeast"/>
    </w:pPr>
    <w:rPr>
      <w:rFonts w:ascii="Times New Roman" w:eastAsiaTheme="minorHAnsi" w:hAnsi="Times New Roman" w:cs="Times New Roman"/>
      <w:lang w:eastAsia="en-US"/>
    </w:rPr>
  </w:style>
  <w:style w:type="paragraph" w:customStyle="1" w:styleId="8D3BFB85E27945D1A079605EE6DB1CD41">
    <w:name w:val="8D3BFB85E27945D1A079605EE6DB1CD41"/>
    <w:rsid w:val="005D7A44"/>
    <w:pPr>
      <w:spacing w:after="0" w:line="260" w:lineRule="atLeast"/>
    </w:pPr>
    <w:rPr>
      <w:rFonts w:ascii="Times New Roman" w:eastAsiaTheme="minorHAnsi" w:hAnsi="Times New Roman" w:cs="Times New Roman"/>
      <w:lang w:eastAsia="en-US"/>
    </w:rPr>
  </w:style>
  <w:style w:type="paragraph" w:customStyle="1" w:styleId="A68A39899FDA4FAB86C285223E923D801">
    <w:name w:val="A68A39899FDA4FAB86C285223E923D801"/>
    <w:rsid w:val="005D7A44"/>
    <w:pPr>
      <w:spacing w:after="0" w:line="260" w:lineRule="atLeast"/>
    </w:pPr>
    <w:rPr>
      <w:rFonts w:ascii="Times New Roman" w:eastAsiaTheme="minorHAnsi" w:hAnsi="Times New Roman" w:cs="Times New Roman"/>
      <w:lang w:eastAsia="en-US"/>
    </w:rPr>
  </w:style>
  <w:style w:type="paragraph" w:customStyle="1" w:styleId="4838D26DD415451FB354043DE0741A011">
    <w:name w:val="4838D26DD415451FB354043DE0741A011"/>
    <w:rsid w:val="005D7A44"/>
    <w:pPr>
      <w:spacing w:after="0" w:line="260" w:lineRule="atLeast"/>
    </w:pPr>
    <w:rPr>
      <w:rFonts w:ascii="Times New Roman" w:eastAsiaTheme="minorHAnsi" w:hAnsi="Times New Roman" w:cs="Times New Roman"/>
      <w:lang w:eastAsia="en-US"/>
    </w:rPr>
  </w:style>
  <w:style w:type="paragraph" w:customStyle="1" w:styleId="711608C09F684BEEA4752A62C765A97C1">
    <w:name w:val="711608C09F684BEEA4752A62C765A97C1"/>
    <w:rsid w:val="005D7A44"/>
    <w:pPr>
      <w:spacing w:before="240" w:after="0" w:line="260" w:lineRule="atLeast"/>
      <w:jc w:val="both"/>
    </w:pPr>
    <w:rPr>
      <w:rFonts w:ascii="Times New Roman" w:eastAsiaTheme="minorHAnsi" w:hAnsi="Times New Roman" w:cs="Times New Roman"/>
      <w:lang w:eastAsia="en-US"/>
    </w:rPr>
  </w:style>
  <w:style w:type="paragraph" w:customStyle="1" w:styleId="F28A95BC9E3647E9A677C1D9FA0A201E1">
    <w:name w:val="F28A95BC9E3647E9A677C1D9FA0A201E1"/>
    <w:rsid w:val="005D7A44"/>
    <w:pPr>
      <w:spacing w:after="0" w:line="160" w:lineRule="atLeast"/>
      <w:jc w:val="both"/>
    </w:pPr>
    <w:rPr>
      <w:rFonts w:ascii="Arial" w:eastAsiaTheme="minorHAnsi" w:hAnsi="Arial" w:cs="Arial"/>
      <w:sz w:val="12"/>
      <w:lang w:eastAsia="en-US"/>
    </w:rPr>
  </w:style>
  <w:style w:type="paragraph" w:customStyle="1" w:styleId="0FD14C679B70402DA6548CA7CF76CE341">
    <w:name w:val="0FD14C679B70402DA6548CA7CF76CE341"/>
    <w:rsid w:val="005D7A44"/>
    <w:pPr>
      <w:spacing w:after="0" w:line="160" w:lineRule="atLeast"/>
      <w:jc w:val="both"/>
    </w:pPr>
    <w:rPr>
      <w:rFonts w:ascii="Arial" w:eastAsiaTheme="minorHAnsi" w:hAnsi="Arial" w:cs="Arial"/>
      <w:sz w:val="12"/>
      <w:lang w:eastAsia="en-US"/>
    </w:rPr>
  </w:style>
  <w:style w:type="paragraph" w:customStyle="1" w:styleId="6309FE44F0A74E46AC85B2A6CE7FE355">
    <w:name w:val="6309FE44F0A74E46AC85B2A6CE7FE355"/>
    <w:rsid w:val="005D7A44"/>
    <w:pPr>
      <w:spacing w:after="0" w:line="160" w:lineRule="atLeast"/>
      <w:jc w:val="both"/>
    </w:pPr>
    <w:rPr>
      <w:rFonts w:ascii="Arial" w:eastAsiaTheme="minorHAnsi" w:hAnsi="Arial" w:cs="Arial"/>
      <w:sz w:val="12"/>
      <w:lang w:eastAsia="en-US"/>
    </w:rPr>
  </w:style>
  <w:style w:type="paragraph" w:customStyle="1" w:styleId="38EB509713E0413C9C3C6EE8B7D37449">
    <w:name w:val="38EB509713E0413C9C3C6EE8B7D37449"/>
    <w:rsid w:val="005D7A44"/>
    <w:pPr>
      <w:spacing w:after="0" w:line="160" w:lineRule="atLeast"/>
      <w:jc w:val="both"/>
    </w:pPr>
    <w:rPr>
      <w:rFonts w:ascii="Arial" w:eastAsiaTheme="minorHAnsi" w:hAnsi="Arial" w:cs="Arial"/>
      <w:sz w:val="12"/>
      <w:lang w:eastAsia="en-US"/>
    </w:rPr>
  </w:style>
  <w:style w:type="paragraph" w:customStyle="1" w:styleId="E2917BCC95C94284B6C7EBA328DF45DB">
    <w:name w:val="E2917BCC95C94284B6C7EBA328DF45DB"/>
    <w:rsid w:val="005D7A44"/>
    <w:pPr>
      <w:spacing w:after="0" w:line="160" w:lineRule="atLeast"/>
      <w:jc w:val="both"/>
    </w:pPr>
    <w:rPr>
      <w:rFonts w:ascii="Arial" w:eastAsiaTheme="minorHAnsi" w:hAnsi="Arial" w:cs="Arial"/>
      <w:sz w:val="12"/>
      <w:lang w:eastAsia="en-US"/>
    </w:rPr>
  </w:style>
  <w:style w:type="paragraph" w:customStyle="1" w:styleId="D271451AE4564FD580D0CEDB4E7CC813">
    <w:name w:val="D271451AE4564FD580D0CEDB4E7CC813"/>
    <w:rsid w:val="005D7A44"/>
    <w:pPr>
      <w:spacing w:after="0" w:line="160" w:lineRule="atLeast"/>
      <w:jc w:val="both"/>
    </w:pPr>
    <w:rPr>
      <w:rFonts w:ascii="Arial" w:eastAsiaTheme="minorHAnsi" w:hAnsi="Arial" w:cs="Arial"/>
      <w:sz w:val="12"/>
      <w:lang w:eastAsia="en-US"/>
    </w:rPr>
  </w:style>
  <w:style w:type="paragraph" w:customStyle="1" w:styleId="27D818F2B53B4EE986ED6C44D19E68FB4">
    <w:name w:val="27D818F2B53B4EE986ED6C44D19E68FB4"/>
    <w:rsid w:val="005D7A44"/>
    <w:pPr>
      <w:spacing w:after="0" w:line="260" w:lineRule="atLeast"/>
    </w:pPr>
    <w:rPr>
      <w:rFonts w:ascii="Times New Roman" w:eastAsiaTheme="minorHAnsi" w:hAnsi="Times New Roman" w:cs="Times New Roman"/>
      <w:b/>
      <w:lang w:eastAsia="en-US"/>
    </w:rPr>
  </w:style>
  <w:style w:type="paragraph" w:customStyle="1" w:styleId="EDD6DA14852D4300B97E580F412F8A0F4">
    <w:name w:val="EDD6DA14852D4300B97E580F412F8A0F4"/>
    <w:rsid w:val="005D7A44"/>
    <w:pPr>
      <w:spacing w:after="0" w:line="260" w:lineRule="atLeast"/>
    </w:pPr>
    <w:rPr>
      <w:rFonts w:ascii="Times New Roman" w:eastAsiaTheme="minorHAnsi" w:hAnsi="Times New Roman" w:cs="Times New Roman"/>
      <w:lang w:eastAsia="en-US"/>
    </w:rPr>
  </w:style>
  <w:style w:type="paragraph" w:customStyle="1" w:styleId="9D2C49081C644766A826A673FC7B5EA54">
    <w:name w:val="9D2C49081C644766A826A673FC7B5EA54"/>
    <w:rsid w:val="005D7A44"/>
    <w:pPr>
      <w:spacing w:after="0" w:line="220" w:lineRule="atLeast"/>
    </w:pPr>
    <w:rPr>
      <w:rFonts w:ascii="Arial" w:eastAsiaTheme="minorHAnsi" w:hAnsi="Arial" w:cs="Arial"/>
      <w:sz w:val="16"/>
      <w:lang w:eastAsia="en-US"/>
    </w:rPr>
  </w:style>
  <w:style w:type="paragraph" w:customStyle="1" w:styleId="08403DB8E817441C8803D01AB69554A94">
    <w:name w:val="08403DB8E817441C8803D01AB69554A94"/>
    <w:rsid w:val="005D7A44"/>
    <w:pPr>
      <w:spacing w:after="0" w:line="220" w:lineRule="atLeast"/>
    </w:pPr>
    <w:rPr>
      <w:rFonts w:ascii="Arial" w:eastAsiaTheme="minorHAnsi" w:hAnsi="Arial" w:cs="Arial"/>
      <w:sz w:val="16"/>
      <w:lang w:eastAsia="en-US"/>
    </w:rPr>
  </w:style>
  <w:style w:type="paragraph" w:customStyle="1" w:styleId="4C04B352D97B4EE8BAAA8AEFB92DDF634">
    <w:name w:val="4C04B352D97B4EE8BAAA8AEFB92DDF634"/>
    <w:rsid w:val="005D7A44"/>
    <w:pPr>
      <w:spacing w:after="0" w:line="220" w:lineRule="atLeast"/>
    </w:pPr>
    <w:rPr>
      <w:rFonts w:ascii="Arial" w:eastAsiaTheme="minorHAnsi" w:hAnsi="Arial" w:cs="Arial"/>
      <w:sz w:val="16"/>
      <w:lang w:eastAsia="en-US"/>
    </w:rPr>
  </w:style>
  <w:style w:type="paragraph" w:customStyle="1" w:styleId="9E8F70403BB642E89E82497F917153094">
    <w:name w:val="9E8F70403BB642E89E82497F917153094"/>
    <w:rsid w:val="005D7A44"/>
    <w:pPr>
      <w:spacing w:after="0" w:line="220" w:lineRule="atLeast"/>
    </w:pPr>
    <w:rPr>
      <w:rFonts w:ascii="Arial" w:eastAsiaTheme="minorHAnsi" w:hAnsi="Arial" w:cs="Arial"/>
      <w:sz w:val="16"/>
      <w:lang w:eastAsia="en-US"/>
    </w:rPr>
  </w:style>
  <w:style w:type="paragraph" w:customStyle="1" w:styleId="2579FF38070243E3BB4C21A3E5FB94234">
    <w:name w:val="2579FF38070243E3BB4C21A3E5FB94234"/>
    <w:rsid w:val="005D7A44"/>
    <w:pPr>
      <w:spacing w:after="0" w:line="220" w:lineRule="atLeast"/>
    </w:pPr>
    <w:rPr>
      <w:rFonts w:ascii="Arial" w:eastAsiaTheme="minorHAnsi" w:hAnsi="Arial" w:cs="Arial"/>
      <w:sz w:val="16"/>
      <w:lang w:eastAsia="en-US"/>
    </w:rPr>
  </w:style>
  <w:style w:type="paragraph" w:customStyle="1" w:styleId="A8BA9085CF7648238AB8F0F986C0E6294">
    <w:name w:val="A8BA9085CF7648238AB8F0F986C0E6294"/>
    <w:rsid w:val="005D7A44"/>
    <w:pPr>
      <w:spacing w:after="0" w:line="220" w:lineRule="atLeast"/>
    </w:pPr>
    <w:rPr>
      <w:rFonts w:ascii="Arial" w:eastAsiaTheme="minorHAnsi" w:hAnsi="Arial" w:cs="Arial"/>
      <w:sz w:val="16"/>
      <w:lang w:eastAsia="en-US"/>
    </w:rPr>
  </w:style>
  <w:style w:type="paragraph" w:customStyle="1" w:styleId="1597CB91FE564764B48E15AF90A3211C4">
    <w:name w:val="1597CB91FE564764B48E15AF90A3211C4"/>
    <w:rsid w:val="005D7A44"/>
    <w:pPr>
      <w:spacing w:after="0" w:line="220" w:lineRule="atLeast"/>
    </w:pPr>
    <w:rPr>
      <w:rFonts w:ascii="Arial" w:eastAsiaTheme="minorHAnsi" w:hAnsi="Arial" w:cs="Arial"/>
      <w:sz w:val="16"/>
      <w:lang w:eastAsia="en-US"/>
    </w:rPr>
  </w:style>
  <w:style w:type="paragraph" w:customStyle="1" w:styleId="8C3B2615C5874A77A2073DAA1F87AABC3">
    <w:name w:val="8C3B2615C5874A77A2073DAA1F87AABC3"/>
    <w:rsid w:val="005D7A44"/>
    <w:pPr>
      <w:spacing w:after="0" w:line="220" w:lineRule="atLeast"/>
    </w:pPr>
    <w:rPr>
      <w:rFonts w:ascii="Arial" w:eastAsiaTheme="minorHAnsi" w:hAnsi="Arial" w:cs="Arial"/>
      <w:sz w:val="16"/>
      <w:lang w:eastAsia="en-US"/>
    </w:rPr>
  </w:style>
  <w:style w:type="paragraph" w:customStyle="1" w:styleId="C94FD076F3A7411AB59FDBB042587D413">
    <w:name w:val="C94FD076F3A7411AB59FDBB042587D413"/>
    <w:rsid w:val="005D7A44"/>
    <w:pPr>
      <w:spacing w:after="0" w:line="220" w:lineRule="atLeast"/>
    </w:pPr>
    <w:rPr>
      <w:rFonts w:ascii="Arial" w:eastAsiaTheme="minorHAnsi" w:hAnsi="Arial" w:cs="Arial"/>
      <w:sz w:val="16"/>
      <w:lang w:eastAsia="en-US"/>
    </w:rPr>
  </w:style>
  <w:style w:type="paragraph" w:customStyle="1" w:styleId="E9DE4B0168704FB7B9227AC74AED80E73">
    <w:name w:val="E9DE4B0168704FB7B9227AC74AED80E73"/>
    <w:rsid w:val="005D7A44"/>
    <w:pPr>
      <w:spacing w:after="0" w:line="220" w:lineRule="atLeast"/>
    </w:pPr>
    <w:rPr>
      <w:rFonts w:ascii="Arial" w:eastAsiaTheme="minorHAnsi" w:hAnsi="Arial" w:cs="Arial"/>
      <w:sz w:val="16"/>
      <w:lang w:eastAsia="en-US"/>
    </w:rPr>
  </w:style>
  <w:style w:type="paragraph" w:customStyle="1" w:styleId="AC7D1CAF745A45EA86567B6C1386BA853">
    <w:name w:val="AC7D1CAF745A45EA86567B6C1386BA853"/>
    <w:rsid w:val="005D7A44"/>
    <w:pPr>
      <w:spacing w:after="0" w:line="220" w:lineRule="atLeast"/>
    </w:pPr>
    <w:rPr>
      <w:rFonts w:ascii="Arial" w:eastAsiaTheme="minorHAnsi" w:hAnsi="Arial" w:cs="Arial"/>
      <w:sz w:val="16"/>
      <w:lang w:eastAsia="en-US"/>
    </w:rPr>
  </w:style>
  <w:style w:type="paragraph" w:customStyle="1" w:styleId="317DE19FD44E4DB593D1E10652A997373">
    <w:name w:val="317DE19FD44E4DB593D1E10652A997373"/>
    <w:rsid w:val="005D7A44"/>
    <w:pPr>
      <w:spacing w:after="0" w:line="220" w:lineRule="atLeast"/>
    </w:pPr>
    <w:rPr>
      <w:rFonts w:ascii="Arial" w:eastAsiaTheme="minorHAnsi" w:hAnsi="Arial" w:cs="Arial"/>
      <w:sz w:val="16"/>
      <w:lang w:eastAsia="en-US"/>
    </w:rPr>
  </w:style>
  <w:style w:type="paragraph" w:customStyle="1" w:styleId="85B7575D201A4260B2737943017CC6A73">
    <w:name w:val="85B7575D201A4260B2737943017CC6A73"/>
    <w:rsid w:val="005D7A44"/>
    <w:pPr>
      <w:spacing w:after="0" w:line="220" w:lineRule="atLeast"/>
    </w:pPr>
    <w:rPr>
      <w:rFonts w:ascii="Arial" w:eastAsiaTheme="minorHAnsi" w:hAnsi="Arial" w:cs="Arial"/>
      <w:sz w:val="16"/>
      <w:lang w:eastAsia="en-US"/>
    </w:rPr>
  </w:style>
  <w:style w:type="paragraph" w:customStyle="1" w:styleId="723046F7E1DE464DBA4E2341F6B41E3F2">
    <w:name w:val="723046F7E1DE464DBA4E2341F6B41E3F2"/>
    <w:rsid w:val="005D7A44"/>
    <w:pPr>
      <w:spacing w:after="0" w:line="260" w:lineRule="atLeast"/>
    </w:pPr>
    <w:rPr>
      <w:rFonts w:ascii="Times New Roman" w:eastAsiaTheme="minorHAnsi" w:hAnsi="Times New Roman" w:cs="Times New Roman"/>
      <w:lang w:eastAsia="en-US"/>
    </w:rPr>
  </w:style>
  <w:style w:type="paragraph" w:customStyle="1" w:styleId="DAF5D3FAD8D04956ABFEAAA3FF5A71BB2">
    <w:name w:val="DAF5D3FAD8D04956ABFEAAA3FF5A71BB2"/>
    <w:rsid w:val="005D7A44"/>
    <w:pPr>
      <w:spacing w:after="0" w:line="260" w:lineRule="atLeast"/>
    </w:pPr>
    <w:rPr>
      <w:rFonts w:ascii="Times New Roman" w:eastAsiaTheme="minorHAnsi" w:hAnsi="Times New Roman" w:cs="Times New Roman"/>
      <w:lang w:eastAsia="en-US"/>
    </w:rPr>
  </w:style>
  <w:style w:type="paragraph" w:customStyle="1" w:styleId="01C91DACF0C94DAC92D92EE351B6E0262">
    <w:name w:val="01C91DACF0C94DAC92D92EE351B6E0262"/>
    <w:rsid w:val="005D7A44"/>
    <w:pPr>
      <w:spacing w:after="0" w:line="260" w:lineRule="atLeast"/>
    </w:pPr>
    <w:rPr>
      <w:rFonts w:ascii="Times New Roman" w:eastAsiaTheme="minorHAnsi" w:hAnsi="Times New Roman" w:cs="Times New Roman"/>
      <w:lang w:eastAsia="en-US"/>
    </w:rPr>
  </w:style>
  <w:style w:type="paragraph" w:customStyle="1" w:styleId="65F8364AC85446D3ACADDF42963C7FCE2">
    <w:name w:val="65F8364AC85446D3ACADDF42963C7FCE2"/>
    <w:rsid w:val="005D7A44"/>
    <w:pPr>
      <w:spacing w:after="0" w:line="260" w:lineRule="atLeast"/>
    </w:pPr>
    <w:rPr>
      <w:rFonts w:ascii="Times New Roman" w:eastAsiaTheme="minorHAnsi" w:hAnsi="Times New Roman" w:cs="Times New Roman"/>
      <w:lang w:eastAsia="en-US"/>
    </w:rPr>
  </w:style>
  <w:style w:type="paragraph" w:customStyle="1" w:styleId="1B3BDD3FBC0B4A96B673ABB37257B2B92">
    <w:name w:val="1B3BDD3FBC0B4A96B673ABB37257B2B92"/>
    <w:rsid w:val="005D7A44"/>
    <w:pPr>
      <w:spacing w:after="0" w:line="260" w:lineRule="atLeast"/>
    </w:pPr>
    <w:rPr>
      <w:rFonts w:ascii="Times New Roman" w:eastAsiaTheme="minorHAnsi" w:hAnsi="Times New Roman" w:cs="Times New Roman"/>
      <w:lang w:eastAsia="en-US"/>
    </w:rPr>
  </w:style>
  <w:style w:type="paragraph" w:customStyle="1" w:styleId="826B672311B14096AD7ED81284E85F9C2">
    <w:name w:val="826B672311B14096AD7ED81284E85F9C2"/>
    <w:rsid w:val="005D7A44"/>
    <w:pPr>
      <w:spacing w:after="0" w:line="260" w:lineRule="atLeast"/>
    </w:pPr>
    <w:rPr>
      <w:rFonts w:ascii="Times New Roman" w:eastAsiaTheme="minorHAnsi" w:hAnsi="Times New Roman" w:cs="Times New Roman"/>
      <w:lang w:eastAsia="en-US"/>
    </w:rPr>
  </w:style>
  <w:style w:type="paragraph" w:customStyle="1" w:styleId="550F2387895A4969AA7E54203757A0DB2">
    <w:name w:val="550F2387895A4969AA7E54203757A0DB2"/>
    <w:rsid w:val="005D7A44"/>
    <w:pPr>
      <w:spacing w:after="0" w:line="260" w:lineRule="atLeast"/>
    </w:pPr>
    <w:rPr>
      <w:rFonts w:ascii="Times New Roman" w:eastAsiaTheme="minorHAnsi" w:hAnsi="Times New Roman" w:cs="Times New Roman"/>
      <w:b/>
      <w:lang w:eastAsia="en-US"/>
    </w:rPr>
  </w:style>
  <w:style w:type="paragraph" w:customStyle="1" w:styleId="F3DEBC01D4E54DF281E4A77D6FBCD0812">
    <w:name w:val="F3DEBC01D4E54DF281E4A77D6FBCD0812"/>
    <w:rsid w:val="005D7A44"/>
    <w:pPr>
      <w:spacing w:before="240" w:after="0" w:line="260" w:lineRule="atLeast"/>
      <w:jc w:val="both"/>
    </w:pPr>
    <w:rPr>
      <w:rFonts w:ascii="Times New Roman" w:eastAsiaTheme="minorHAnsi" w:hAnsi="Times New Roman" w:cs="Times New Roman"/>
      <w:lang w:eastAsia="en-US"/>
    </w:rPr>
  </w:style>
  <w:style w:type="paragraph" w:customStyle="1" w:styleId="E9AB0C769FF14C3B839227E0180091BD2">
    <w:name w:val="E9AB0C769FF14C3B839227E0180091BD2"/>
    <w:rsid w:val="005D7A44"/>
    <w:pPr>
      <w:spacing w:after="0" w:line="260" w:lineRule="atLeast"/>
    </w:pPr>
    <w:rPr>
      <w:rFonts w:ascii="Times New Roman" w:eastAsiaTheme="minorHAnsi" w:hAnsi="Times New Roman" w:cs="Times New Roman"/>
      <w:b/>
      <w:lang w:eastAsia="en-US"/>
    </w:rPr>
  </w:style>
  <w:style w:type="paragraph" w:customStyle="1" w:styleId="3CD17A28EFFA4334826F726D1C5A74772">
    <w:name w:val="3CD17A28EFFA4334826F726D1C5A74772"/>
    <w:rsid w:val="005D7A44"/>
    <w:pPr>
      <w:spacing w:after="0" w:line="260" w:lineRule="atLeast"/>
    </w:pPr>
    <w:rPr>
      <w:rFonts w:ascii="Times New Roman" w:eastAsiaTheme="minorHAnsi" w:hAnsi="Times New Roman" w:cs="Times New Roman"/>
      <w:lang w:eastAsia="en-US"/>
    </w:rPr>
  </w:style>
  <w:style w:type="paragraph" w:customStyle="1" w:styleId="8D3BFB85E27945D1A079605EE6DB1CD42">
    <w:name w:val="8D3BFB85E27945D1A079605EE6DB1CD42"/>
    <w:rsid w:val="005D7A44"/>
    <w:pPr>
      <w:spacing w:after="0" w:line="260" w:lineRule="atLeast"/>
    </w:pPr>
    <w:rPr>
      <w:rFonts w:ascii="Times New Roman" w:eastAsiaTheme="minorHAnsi" w:hAnsi="Times New Roman" w:cs="Times New Roman"/>
      <w:lang w:eastAsia="en-US"/>
    </w:rPr>
  </w:style>
  <w:style w:type="paragraph" w:customStyle="1" w:styleId="A68A39899FDA4FAB86C285223E923D802">
    <w:name w:val="A68A39899FDA4FAB86C285223E923D802"/>
    <w:rsid w:val="005D7A44"/>
    <w:pPr>
      <w:spacing w:after="0" w:line="260" w:lineRule="atLeast"/>
    </w:pPr>
    <w:rPr>
      <w:rFonts w:ascii="Times New Roman" w:eastAsiaTheme="minorHAnsi" w:hAnsi="Times New Roman" w:cs="Times New Roman"/>
      <w:lang w:eastAsia="en-US"/>
    </w:rPr>
  </w:style>
  <w:style w:type="paragraph" w:customStyle="1" w:styleId="4838D26DD415451FB354043DE0741A012">
    <w:name w:val="4838D26DD415451FB354043DE0741A012"/>
    <w:rsid w:val="005D7A44"/>
    <w:pPr>
      <w:spacing w:after="0" w:line="260" w:lineRule="atLeast"/>
    </w:pPr>
    <w:rPr>
      <w:rFonts w:ascii="Times New Roman" w:eastAsiaTheme="minorHAnsi" w:hAnsi="Times New Roman" w:cs="Times New Roman"/>
      <w:lang w:eastAsia="en-US"/>
    </w:rPr>
  </w:style>
  <w:style w:type="paragraph" w:customStyle="1" w:styleId="711608C09F684BEEA4752A62C765A97C2">
    <w:name w:val="711608C09F684BEEA4752A62C765A97C2"/>
    <w:rsid w:val="005D7A44"/>
    <w:pPr>
      <w:spacing w:before="240" w:after="0" w:line="260" w:lineRule="atLeast"/>
      <w:jc w:val="both"/>
    </w:pPr>
    <w:rPr>
      <w:rFonts w:ascii="Times New Roman" w:eastAsiaTheme="minorHAnsi" w:hAnsi="Times New Roman" w:cs="Times New Roman"/>
      <w:lang w:eastAsia="en-US"/>
    </w:rPr>
  </w:style>
  <w:style w:type="paragraph" w:customStyle="1" w:styleId="F28A95BC9E3647E9A677C1D9FA0A201E2">
    <w:name w:val="F28A95BC9E3647E9A677C1D9FA0A201E2"/>
    <w:rsid w:val="005D7A44"/>
    <w:pPr>
      <w:spacing w:after="0" w:line="160" w:lineRule="atLeast"/>
      <w:jc w:val="both"/>
    </w:pPr>
    <w:rPr>
      <w:rFonts w:ascii="Arial" w:eastAsiaTheme="minorHAnsi" w:hAnsi="Arial" w:cs="Arial"/>
      <w:sz w:val="12"/>
      <w:lang w:eastAsia="en-US"/>
    </w:rPr>
  </w:style>
  <w:style w:type="paragraph" w:customStyle="1" w:styleId="0FD14C679B70402DA6548CA7CF76CE342">
    <w:name w:val="0FD14C679B70402DA6548CA7CF76CE342"/>
    <w:rsid w:val="005D7A44"/>
    <w:pPr>
      <w:spacing w:after="0" w:line="160" w:lineRule="atLeast"/>
      <w:jc w:val="both"/>
    </w:pPr>
    <w:rPr>
      <w:rFonts w:ascii="Arial" w:eastAsiaTheme="minorHAnsi" w:hAnsi="Arial" w:cs="Arial"/>
      <w:sz w:val="12"/>
      <w:lang w:eastAsia="en-US"/>
    </w:rPr>
  </w:style>
  <w:style w:type="paragraph" w:customStyle="1" w:styleId="6309FE44F0A74E46AC85B2A6CE7FE3551">
    <w:name w:val="6309FE44F0A74E46AC85B2A6CE7FE3551"/>
    <w:rsid w:val="005D7A44"/>
    <w:pPr>
      <w:spacing w:after="0" w:line="160" w:lineRule="atLeast"/>
      <w:jc w:val="both"/>
    </w:pPr>
    <w:rPr>
      <w:rFonts w:ascii="Arial" w:eastAsiaTheme="minorHAnsi" w:hAnsi="Arial" w:cs="Arial"/>
      <w:sz w:val="12"/>
      <w:lang w:eastAsia="en-US"/>
    </w:rPr>
  </w:style>
  <w:style w:type="paragraph" w:customStyle="1" w:styleId="38EB509713E0413C9C3C6EE8B7D374491">
    <w:name w:val="38EB509713E0413C9C3C6EE8B7D374491"/>
    <w:rsid w:val="005D7A44"/>
    <w:pPr>
      <w:spacing w:after="0" w:line="160" w:lineRule="atLeast"/>
      <w:jc w:val="both"/>
    </w:pPr>
    <w:rPr>
      <w:rFonts w:ascii="Arial" w:eastAsiaTheme="minorHAnsi" w:hAnsi="Arial" w:cs="Arial"/>
      <w:sz w:val="12"/>
      <w:lang w:eastAsia="en-US"/>
    </w:rPr>
  </w:style>
  <w:style w:type="paragraph" w:customStyle="1" w:styleId="E2917BCC95C94284B6C7EBA328DF45DB1">
    <w:name w:val="E2917BCC95C94284B6C7EBA328DF45DB1"/>
    <w:rsid w:val="005D7A44"/>
    <w:pPr>
      <w:spacing w:after="0" w:line="160" w:lineRule="atLeast"/>
      <w:jc w:val="both"/>
    </w:pPr>
    <w:rPr>
      <w:rFonts w:ascii="Arial" w:eastAsiaTheme="minorHAnsi" w:hAnsi="Arial" w:cs="Arial"/>
      <w:sz w:val="12"/>
      <w:lang w:eastAsia="en-US"/>
    </w:rPr>
  </w:style>
  <w:style w:type="paragraph" w:customStyle="1" w:styleId="D271451AE4564FD580D0CEDB4E7CC8131">
    <w:name w:val="D271451AE4564FD580D0CEDB4E7CC8131"/>
    <w:rsid w:val="005D7A44"/>
    <w:pPr>
      <w:spacing w:after="0" w:line="160" w:lineRule="atLeast"/>
      <w:jc w:val="both"/>
    </w:pPr>
    <w:rPr>
      <w:rFonts w:ascii="Arial" w:eastAsiaTheme="minorHAnsi" w:hAnsi="Arial" w:cs="Arial"/>
      <w:sz w:val="12"/>
      <w:lang w:eastAsia="en-US"/>
    </w:rPr>
  </w:style>
  <w:style w:type="paragraph" w:customStyle="1" w:styleId="159E6578F8854DE6BAC2049F66CCD6EC">
    <w:name w:val="159E6578F8854DE6BAC2049F66CCD6EC"/>
    <w:rsid w:val="005D7A44"/>
  </w:style>
  <w:style w:type="paragraph" w:customStyle="1" w:styleId="44A484491A5A4AFCA35E057556E755A6">
    <w:name w:val="44A484491A5A4AFCA35E057556E755A6"/>
    <w:rsid w:val="005D7A44"/>
  </w:style>
  <w:style w:type="paragraph" w:customStyle="1" w:styleId="34C42F1AC98C47DBA19A31D663CA4015">
    <w:name w:val="34C42F1AC98C47DBA19A31D663CA4015"/>
    <w:rsid w:val="005D7A44"/>
  </w:style>
  <w:style w:type="paragraph" w:customStyle="1" w:styleId="B54D581A66DD45D88419EFA3494977CA">
    <w:name w:val="B54D581A66DD45D88419EFA3494977CA"/>
    <w:rsid w:val="005D7A44"/>
  </w:style>
  <w:style w:type="paragraph" w:customStyle="1" w:styleId="76D56D94C0BC4DADAD136575BCEA5D86">
    <w:name w:val="76D56D94C0BC4DADAD136575BCEA5D86"/>
    <w:rsid w:val="005D7A44"/>
  </w:style>
  <w:style w:type="paragraph" w:customStyle="1" w:styleId="4B9E50773FDE4B749E6CD596B21BC48B">
    <w:name w:val="4B9E50773FDE4B749E6CD596B21BC48B"/>
    <w:rsid w:val="005D7A44"/>
  </w:style>
  <w:style w:type="paragraph" w:customStyle="1" w:styleId="D0F6CBDD0DBD4CF1AD863160B5B34762">
    <w:name w:val="D0F6CBDD0DBD4CF1AD863160B5B34762"/>
    <w:rsid w:val="005D7A44"/>
  </w:style>
  <w:style w:type="paragraph" w:customStyle="1" w:styleId="C25C567D7B3A487CB66579D2E22CA170">
    <w:name w:val="C25C567D7B3A487CB66579D2E22CA170"/>
    <w:rsid w:val="005D7A44"/>
  </w:style>
  <w:style w:type="paragraph" w:customStyle="1" w:styleId="3D761D7FEC65407C9C4EC21D73D397B3">
    <w:name w:val="3D761D7FEC65407C9C4EC21D73D397B3"/>
    <w:rsid w:val="005D7A44"/>
  </w:style>
  <w:style w:type="paragraph" w:customStyle="1" w:styleId="382A6730D0BE475E9C2A15E231725CD2">
    <w:name w:val="382A6730D0BE475E9C2A15E231725CD2"/>
    <w:rsid w:val="005D7A44"/>
  </w:style>
  <w:style w:type="paragraph" w:customStyle="1" w:styleId="1456362534CF4B78BEF744EA46916567">
    <w:name w:val="1456362534CF4B78BEF744EA46916567"/>
    <w:rsid w:val="005D7A44"/>
  </w:style>
  <w:style w:type="paragraph" w:customStyle="1" w:styleId="746D35CF40F8473994DAB5C57B473AB3">
    <w:name w:val="746D35CF40F8473994DAB5C57B473AB3"/>
    <w:rsid w:val="005D7A44"/>
  </w:style>
  <w:style w:type="paragraph" w:customStyle="1" w:styleId="62B9FFEA39F84335BAFEE4FA4CAE9095">
    <w:name w:val="62B9FFEA39F84335BAFEE4FA4CAE9095"/>
    <w:rsid w:val="005D7A44"/>
  </w:style>
  <w:style w:type="paragraph" w:customStyle="1" w:styleId="717930ECE1A24EA7B7A3EDAB1F7536EB">
    <w:name w:val="717930ECE1A24EA7B7A3EDAB1F7536EB"/>
    <w:rsid w:val="005D7A44"/>
  </w:style>
  <w:style w:type="paragraph" w:customStyle="1" w:styleId="8CA8C7C627534055A97986E331913A41">
    <w:name w:val="8CA8C7C627534055A97986E331913A41"/>
    <w:rsid w:val="005D7A44"/>
  </w:style>
  <w:style w:type="paragraph" w:customStyle="1" w:styleId="41A6BDA3D70E4EF8B6E48850C0C90240">
    <w:name w:val="41A6BDA3D70E4EF8B6E48850C0C90240"/>
    <w:rsid w:val="005D7A44"/>
  </w:style>
  <w:style w:type="paragraph" w:customStyle="1" w:styleId="DA35E5A987164F12BF17841795EFC335">
    <w:name w:val="DA35E5A987164F12BF17841795EFC335"/>
    <w:rsid w:val="005D7A44"/>
  </w:style>
  <w:style w:type="paragraph" w:customStyle="1" w:styleId="7920B1DF5DD94B298319E37C0C2D40C6">
    <w:name w:val="7920B1DF5DD94B298319E37C0C2D40C6"/>
    <w:rsid w:val="005D7A44"/>
  </w:style>
  <w:style w:type="paragraph" w:customStyle="1" w:styleId="25C25A00C23F41BDB96D41557B82B1DE">
    <w:name w:val="25C25A00C23F41BDB96D41557B82B1DE"/>
    <w:rsid w:val="005D7A44"/>
  </w:style>
  <w:style w:type="paragraph" w:customStyle="1" w:styleId="22F62B707ECB401D8F2FE1EF758429A1">
    <w:name w:val="22F62B707ECB401D8F2FE1EF758429A1"/>
    <w:rsid w:val="005D7A44"/>
  </w:style>
  <w:style w:type="paragraph" w:customStyle="1" w:styleId="27D818F2B53B4EE986ED6C44D19E68FB5">
    <w:name w:val="27D818F2B53B4EE986ED6C44D19E68FB5"/>
    <w:rsid w:val="005D7A44"/>
    <w:pPr>
      <w:spacing w:after="0" w:line="260" w:lineRule="atLeast"/>
    </w:pPr>
    <w:rPr>
      <w:rFonts w:ascii="Times New Roman" w:eastAsiaTheme="minorHAnsi" w:hAnsi="Times New Roman" w:cs="Times New Roman"/>
      <w:b/>
      <w:lang w:eastAsia="en-US"/>
    </w:rPr>
  </w:style>
  <w:style w:type="paragraph" w:customStyle="1" w:styleId="EDD6DA14852D4300B97E580F412F8A0F5">
    <w:name w:val="EDD6DA14852D4300B97E580F412F8A0F5"/>
    <w:rsid w:val="005D7A44"/>
    <w:pPr>
      <w:spacing w:after="0" w:line="260" w:lineRule="atLeast"/>
    </w:pPr>
    <w:rPr>
      <w:rFonts w:ascii="Times New Roman" w:eastAsiaTheme="minorHAnsi" w:hAnsi="Times New Roman" w:cs="Times New Roman"/>
      <w:lang w:eastAsia="en-US"/>
    </w:rPr>
  </w:style>
  <w:style w:type="paragraph" w:customStyle="1" w:styleId="9D2C49081C644766A826A673FC7B5EA55">
    <w:name w:val="9D2C49081C644766A826A673FC7B5EA55"/>
    <w:rsid w:val="005D7A44"/>
    <w:pPr>
      <w:spacing w:after="0" w:line="220" w:lineRule="atLeast"/>
    </w:pPr>
    <w:rPr>
      <w:rFonts w:ascii="Arial" w:eastAsiaTheme="minorHAnsi" w:hAnsi="Arial" w:cs="Arial"/>
      <w:sz w:val="16"/>
      <w:lang w:eastAsia="en-US"/>
    </w:rPr>
  </w:style>
  <w:style w:type="paragraph" w:customStyle="1" w:styleId="08403DB8E817441C8803D01AB69554A95">
    <w:name w:val="08403DB8E817441C8803D01AB69554A95"/>
    <w:rsid w:val="005D7A44"/>
    <w:pPr>
      <w:spacing w:after="0" w:line="220" w:lineRule="atLeast"/>
    </w:pPr>
    <w:rPr>
      <w:rFonts w:ascii="Arial" w:eastAsiaTheme="minorHAnsi" w:hAnsi="Arial" w:cs="Arial"/>
      <w:sz w:val="16"/>
      <w:lang w:eastAsia="en-US"/>
    </w:rPr>
  </w:style>
  <w:style w:type="paragraph" w:customStyle="1" w:styleId="4C04B352D97B4EE8BAAA8AEFB92DDF635">
    <w:name w:val="4C04B352D97B4EE8BAAA8AEFB92DDF635"/>
    <w:rsid w:val="005D7A44"/>
    <w:pPr>
      <w:spacing w:after="0" w:line="220" w:lineRule="atLeast"/>
    </w:pPr>
    <w:rPr>
      <w:rFonts w:ascii="Arial" w:eastAsiaTheme="minorHAnsi" w:hAnsi="Arial" w:cs="Arial"/>
      <w:sz w:val="16"/>
      <w:lang w:eastAsia="en-US"/>
    </w:rPr>
  </w:style>
  <w:style w:type="paragraph" w:customStyle="1" w:styleId="9E8F70403BB642E89E82497F917153095">
    <w:name w:val="9E8F70403BB642E89E82497F917153095"/>
    <w:rsid w:val="005D7A44"/>
    <w:pPr>
      <w:spacing w:after="0" w:line="220" w:lineRule="atLeast"/>
    </w:pPr>
    <w:rPr>
      <w:rFonts w:ascii="Arial" w:eastAsiaTheme="minorHAnsi" w:hAnsi="Arial" w:cs="Arial"/>
      <w:sz w:val="16"/>
      <w:lang w:eastAsia="en-US"/>
    </w:rPr>
  </w:style>
  <w:style w:type="paragraph" w:customStyle="1" w:styleId="2579FF38070243E3BB4C21A3E5FB94235">
    <w:name w:val="2579FF38070243E3BB4C21A3E5FB94235"/>
    <w:rsid w:val="005D7A44"/>
    <w:pPr>
      <w:spacing w:after="0" w:line="220" w:lineRule="atLeast"/>
    </w:pPr>
    <w:rPr>
      <w:rFonts w:ascii="Arial" w:eastAsiaTheme="minorHAnsi" w:hAnsi="Arial" w:cs="Arial"/>
      <w:sz w:val="16"/>
      <w:lang w:eastAsia="en-US"/>
    </w:rPr>
  </w:style>
  <w:style w:type="paragraph" w:customStyle="1" w:styleId="A8BA9085CF7648238AB8F0F986C0E6295">
    <w:name w:val="A8BA9085CF7648238AB8F0F986C0E6295"/>
    <w:rsid w:val="005D7A44"/>
    <w:pPr>
      <w:spacing w:after="0" w:line="220" w:lineRule="atLeast"/>
    </w:pPr>
    <w:rPr>
      <w:rFonts w:ascii="Arial" w:eastAsiaTheme="minorHAnsi" w:hAnsi="Arial" w:cs="Arial"/>
      <w:sz w:val="16"/>
      <w:lang w:eastAsia="en-US"/>
    </w:rPr>
  </w:style>
  <w:style w:type="paragraph" w:customStyle="1" w:styleId="1597CB91FE564764B48E15AF90A3211C5">
    <w:name w:val="1597CB91FE564764B48E15AF90A3211C5"/>
    <w:rsid w:val="005D7A44"/>
    <w:pPr>
      <w:spacing w:after="0" w:line="220" w:lineRule="atLeast"/>
    </w:pPr>
    <w:rPr>
      <w:rFonts w:ascii="Arial" w:eastAsiaTheme="minorHAnsi" w:hAnsi="Arial" w:cs="Arial"/>
      <w:sz w:val="16"/>
      <w:lang w:eastAsia="en-US"/>
    </w:rPr>
  </w:style>
  <w:style w:type="paragraph" w:customStyle="1" w:styleId="8C3B2615C5874A77A2073DAA1F87AABC4">
    <w:name w:val="8C3B2615C5874A77A2073DAA1F87AABC4"/>
    <w:rsid w:val="005D7A44"/>
    <w:pPr>
      <w:spacing w:after="0" w:line="220" w:lineRule="atLeast"/>
    </w:pPr>
    <w:rPr>
      <w:rFonts w:ascii="Arial" w:eastAsiaTheme="minorHAnsi" w:hAnsi="Arial" w:cs="Arial"/>
      <w:sz w:val="16"/>
      <w:lang w:eastAsia="en-US"/>
    </w:rPr>
  </w:style>
  <w:style w:type="paragraph" w:customStyle="1" w:styleId="C94FD076F3A7411AB59FDBB042587D414">
    <w:name w:val="C94FD076F3A7411AB59FDBB042587D414"/>
    <w:rsid w:val="005D7A44"/>
    <w:pPr>
      <w:spacing w:after="0" w:line="220" w:lineRule="atLeast"/>
    </w:pPr>
    <w:rPr>
      <w:rFonts w:ascii="Arial" w:eastAsiaTheme="minorHAnsi" w:hAnsi="Arial" w:cs="Arial"/>
      <w:sz w:val="16"/>
      <w:lang w:eastAsia="en-US"/>
    </w:rPr>
  </w:style>
  <w:style w:type="paragraph" w:customStyle="1" w:styleId="E9DE4B0168704FB7B9227AC74AED80E74">
    <w:name w:val="E9DE4B0168704FB7B9227AC74AED80E74"/>
    <w:rsid w:val="005D7A44"/>
    <w:pPr>
      <w:spacing w:after="0" w:line="220" w:lineRule="atLeast"/>
    </w:pPr>
    <w:rPr>
      <w:rFonts w:ascii="Arial" w:eastAsiaTheme="minorHAnsi" w:hAnsi="Arial" w:cs="Arial"/>
      <w:sz w:val="16"/>
      <w:lang w:eastAsia="en-US"/>
    </w:rPr>
  </w:style>
  <w:style w:type="paragraph" w:customStyle="1" w:styleId="AC7D1CAF745A45EA86567B6C1386BA854">
    <w:name w:val="AC7D1CAF745A45EA86567B6C1386BA854"/>
    <w:rsid w:val="005D7A44"/>
    <w:pPr>
      <w:spacing w:after="0" w:line="220" w:lineRule="atLeast"/>
    </w:pPr>
    <w:rPr>
      <w:rFonts w:ascii="Arial" w:eastAsiaTheme="minorHAnsi" w:hAnsi="Arial" w:cs="Arial"/>
      <w:sz w:val="16"/>
      <w:lang w:eastAsia="en-US"/>
    </w:rPr>
  </w:style>
  <w:style w:type="paragraph" w:customStyle="1" w:styleId="317DE19FD44E4DB593D1E10652A997374">
    <w:name w:val="317DE19FD44E4DB593D1E10652A997374"/>
    <w:rsid w:val="005D7A44"/>
    <w:pPr>
      <w:spacing w:after="0" w:line="220" w:lineRule="atLeast"/>
    </w:pPr>
    <w:rPr>
      <w:rFonts w:ascii="Arial" w:eastAsiaTheme="minorHAnsi" w:hAnsi="Arial" w:cs="Arial"/>
      <w:sz w:val="16"/>
      <w:lang w:eastAsia="en-US"/>
    </w:rPr>
  </w:style>
  <w:style w:type="paragraph" w:customStyle="1" w:styleId="85B7575D201A4260B2737943017CC6A74">
    <w:name w:val="85B7575D201A4260B2737943017CC6A74"/>
    <w:rsid w:val="005D7A44"/>
    <w:pPr>
      <w:spacing w:after="0" w:line="220" w:lineRule="atLeast"/>
    </w:pPr>
    <w:rPr>
      <w:rFonts w:ascii="Arial" w:eastAsiaTheme="minorHAnsi" w:hAnsi="Arial" w:cs="Arial"/>
      <w:sz w:val="16"/>
      <w:lang w:eastAsia="en-US"/>
    </w:rPr>
  </w:style>
  <w:style w:type="paragraph" w:customStyle="1" w:styleId="723046F7E1DE464DBA4E2341F6B41E3F3">
    <w:name w:val="723046F7E1DE464DBA4E2341F6B41E3F3"/>
    <w:rsid w:val="005D7A44"/>
    <w:pPr>
      <w:spacing w:after="0" w:line="260" w:lineRule="atLeast"/>
    </w:pPr>
    <w:rPr>
      <w:rFonts w:ascii="Times New Roman" w:eastAsiaTheme="minorHAnsi" w:hAnsi="Times New Roman" w:cs="Times New Roman"/>
      <w:lang w:eastAsia="en-US"/>
    </w:rPr>
  </w:style>
  <w:style w:type="paragraph" w:customStyle="1" w:styleId="DAF5D3FAD8D04956ABFEAAA3FF5A71BB3">
    <w:name w:val="DAF5D3FAD8D04956ABFEAAA3FF5A71BB3"/>
    <w:rsid w:val="005D7A44"/>
    <w:pPr>
      <w:spacing w:after="0" w:line="260" w:lineRule="atLeast"/>
    </w:pPr>
    <w:rPr>
      <w:rFonts w:ascii="Times New Roman" w:eastAsiaTheme="minorHAnsi" w:hAnsi="Times New Roman" w:cs="Times New Roman"/>
      <w:lang w:eastAsia="en-US"/>
    </w:rPr>
  </w:style>
  <w:style w:type="paragraph" w:customStyle="1" w:styleId="01C91DACF0C94DAC92D92EE351B6E0263">
    <w:name w:val="01C91DACF0C94DAC92D92EE351B6E0263"/>
    <w:rsid w:val="005D7A44"/>
    <w:pPr>
      <w:spacing w:after="0" w:line="260" w:lineRule="atLeast"/>
    </w:pPr>
    <w:rPr>
      <w:rFonts w:ascii="Times New Roman" w:eastAsiaTheme="minorHAnsi" w:hAnsi="Times New Roman" w:cs="Times New Roman"/>
      <w:lang w:eastAsia="en-US"/>
    </w:rPr>
  </w:style>
  <w:style w:type="paragraph" w:customStyle="1" w:styleId="65F8364AC85446D3ACADDF42963C7FCE3">
    <w:name w:val="65F8364AC85446D3ACADDF42963C7FCE3"/>
    <w:rsid w:val="005D7A44"/>
    <w:pPr>
      <w:spacing w:after="0" w:line="260" w:lineRule="atLeast"/>
    </w:pPr>
    <w:rPr>
      <w:rFonts w:ascii="Times New Roman" w:eastAsiaTheme="minorHAnsi" w:hAnsi="Times New Roman" w:cs="Times New Roman"/>
      <w:lang w:eastAsia="en-US"/>
    </w:rPr>
  </w:style>
  <w:style w:type="paragraph" w:customStyle="1" w:styleId="1B3BDD3FBC0B4A96B673ABB37257B2B93">
    <w:name w:val="1B3BDD3FBC0B4A96B673ABB37257B2B93"/>
    <w:rsid w:val="005D7A44"/>
    <w:pPr>
      <w:spacing w:after="0" w:line="260" w:lineRule="atLeast"/>
    </w:pPr>
    <w:rPr>
      <w:rFonts w:ascii="Times New Roman" w:eastAsiaTheme="minorHAnsi" w:hAnsi="Times New Roman" w:cs="Times New Roman"/>
      <w:lang w:eastAsia="en-US"/>
    </w:rPr>
  </w:style>
  <w:style w:type="paragraph" w:customStyle="1" w:styleId="826B672311B14096AD7ED81284E85F9C3">
    <w:name w:val="826B672311B14096AD7ED81284E85F9C3"/>
    <w:rsid w:val="005D7A44"/>
    <w:pPr>
      <w:spacing w:after="0" w:line="260" w:lineRule="atLeast"/>
    </w:pPr>
    <w:rPr>
      <w:rFonts w:ascii="Times New Roman" w:eastAsiaTheme="minorHAnsi" w:hAnsi="Times New Roman" w:cs="Times New Roman"/>
      <w:lang w:eastAsia="en-US"/>
    </w:rPr>
  </w:style>
  <w:style w:type="paragraph" w:customStyle="1" w:styleId="550F2387895A4969AA7E54203757A0DB3">
    <w:name w:val="550F2387895A4969AA7E54203757A0DB3"/>
    <w:rsid w:val="005D7A44"/>
    <w:pPr>
      <w:spacing w:after="0" w:line="260" w:lineRule="atLeast"/>
    </w:pPr>
    <w:rPr>
      <w:rFonts w:ascii="Times New Roman" w:eastAsiaTheme="minorHAnsi" w:hAnsi="Times New Roman" w:cs="Times New Roman"/>
      <w:b/>
      <w:lang w:eastAsia="en-US"/>
    </w:rPr>
  </w:style>
  <w:style w:type="paragraph" w:customStyle="1" w:styleId="F3DEBC01D4E54DF281E4A77D6FBCD0813">
    <w:name w:val="F3DEBC01D4E54DF281E4A77D6FBCD0813"/>
    <w:rsid w:val="005D7A44"/>
    <w:pPr>
      <w:spacing w:before="240" w:after="0" w:line="260" w:lineRule="atLeast"/>
      <w:jc w:val="both"/>
    </w:pPr>
    <w:rPr>
      <w:rFonts w:ascii="Times New Roman" w:eastAsiaTheme="minorHAnsi" w:hAnsi="Times New Roman" w:cs="Times New Roman"/>
      <w:lang w:eastAsia="en-US"/>
    </w:rPr>
  </w:style>
  <w:style w:type="paragraph" w:customStyle="1" w:styleId="E9AB0C769FF14C3B839227E0180091BD3">
    <w:name w:val="E9AB0C769FF14C3B839227E0180091BD3"/>
    <w:rsid w:val="005D7A44"/>
    <w:pPr>
      <w:spacing w:after="0" w:line="260" w:lineRule="atLeast"/>
    </w:pPr>
    <w:rPr>
      <w:rFonts w:ascii="Times New Roman" w:eastAsiaTheme="minorHAnsi" w:hAnsi="Times New Roman" w:cs="Times New Roman"/>
      <w:b/>
      <w:lang w:eastAsia="en-US"/>
    </w:rPr>
  </w:style>
  <w:style w:type="paragraph" w:customStyle="1" w:styleId="3CD17A28EFFA4334826F726D1C5A74773">
    <w:name w:val="3CD17A28EFFA4334826F726D1C5A74773"/>
    <w:rsid w:val="005D7A44"/>
    <w:pPr>
      <w:spacing w:after="0" w:line="260" w:lineRule="atLeast"/>
    </w:pPr>
    <w:rPr>
      <w:rFonts w:ascii="Times New Roman" w:eastAsiaTheme="minorHAnsi" w:hAnsi="Times New Roman" w:cs="Times New Roman"/>
      <w:lang w:eastAsia="en-US"/>
    </w:rPr>
  </w:style>
  <w:style w:type="paragraph" w:customStyle="1" w:styleId="8D3BFB85E27945D1A079605EE6DB1CD43">
    <w:name w:val="8D3BFB85E27945D1A079605EE6DB1CD43"/>
    <w:rsid w:val="005D7A44"/>
    <w:pPr>
      <w:spacing w:after="0" w:line="260" w:lineRule="atLeast"/>
    </w:pPr>
    <w:rPr>
      <w:rFonts w:ascii="Times New Roman" w:eastAsiaTheme="minorHAnsi" w:hAnsi="Times New Roman" w:cs="Times New Roman"/>
      <w:lang w:eastAsia="en-US"/>
    </w:rPr>
  </w:style>
  <w:style w:type="paragraph" w:customStyle="1" w:styleId="A68A39899FDA4FAB86C285223E923D803">
    <w:name w:val="A68A39899FDA4FAB86C285223E923D803"/>
    <w:rsid w:val="005D7A44"/>
    <w:pPr>
      <w:spacing w:after="0" w:line="260" w:lineRule="atLeast"/>
    </w:pPr>
    <w:rPr>
      <w:rFonts w:ascii="Times New Roman" w:eastAsiaTheme="minorHAnsi" w:hAnsi="Times New Roman" w:cs="Times New Roman"/>
      <w:lang w:eastAsia="en-US"/>
    </w:rPr>
  </w:style>
  <w:style w:type="paragraph" w:customStyle="1" w:styleId="4838D26DD415451FB354043DE0741A013">
    <w:name w:val="4838D26DD415451FB354043DE0741A013"/>
    <w:rsid w:val="005D7A44"/>
    <w:pPr>
      <w:spacing w:after="0" w:line="260" w:lineRule="atLeast"/>
    </w:pPr>
    <w:rPr>
      <w:rFonts w:ascii="Times New Roman" w:eastAsiaTheme="minorHAnsi" w:hAnsi="Times New Roman" w:cs="Times New Roman"/>
      <w:lang w:eastAsia="en-US"/>
    </w:rPr>
  </w:style>
  <w:style w:type="paragraph" w:customStyle="1" w:styleId="711608C09F684BEEA4752A62C765A97C3">
    <w:name w:val="711608C09F684BEEA4752A62C765A97C3"/>
    <w:rsid w:val="005D7A44"/>
    <w:pPr>
      <w:spacing w:before="240" w:after="0" w:line="260" w:lineRule="atLeast"/>
      <w:jc w:val="both"/>
    </w:pPr>
    <w:rPr>
      <w:rFonts w:ascii="Times New Roman" w:eastAsiaTheme="minorHAnsi" w:hAnsi="Times New Roman" w:cs="Times New Roman"/>
      <w:lang w:eastAsia="en-US"/>
    </w:rPr>
  </w:style>
  <w:style w:type="paragraph" w:customStyle="1" w:styleId="F28A95BC9E3647E9A677C1D9FA0A201E3">
    <w:name w:val="F28A95BC9E3647E9A677C1D9FA0A201E3"/>
    <w:rsid w:val="005D7A44"/>
    <w:pPr>
      <w:spacing w:after="0" w:line="160" w:lineRule="atLeast"/>
      <w:jc w:val="both"/>
    </w:pPr>
    <w:rPr>
      <w:rFonts w:ascii="Arial" w:eastAsiaTheme="minorHAnsi" w:hAnsi="Arial" w:cs="Arial"/>
      <w:sz w:val="12"/>
      <w:lang w:eastAsia="en-US"/>
    </w:rPr>
  </w:style>
  <w:style w:type="paragraph" w:customStyle="1" w:styleId="0FD14C679B70402DA6548CA7CF76CE343">
    <w:name w:val="0FD14C679B70402DA6548CA7CF76CE343"/>
    <w:rsid w:val="005D7A44"/>
    <w:pPr>
      <w:spacing w:after="0" w:line="160" w:lineRule="atLeast"/>
      <w:jc w:val="both"/>
    </w:pPr>
    <w:rPr>
      <w:rFonts w:ascii="Arial" w:eastAsiaTheme="minorHAnsi" w:hAnsi="Arial" w:cs="Arial"/>
      <w:sz w:val="12"/>
      <w:lang w:eastAsia="en-US"/>
    </w:rPr>
  </w:style>
  <w:style w:type="paragraph" w:customStyle="1" w:styleId="6309FE44F0A74E46AC85B2A6CE7FE3552">
    <w:name w:val="6309FE44F0A74E46AC85B2A6CE7FE3552"/>
    <w:rsid w:val="005D7A44"/>
    <w:pPr>
      <w:spacing w:after="0" w:line="160" w:lineRule="atLeast"/>
      <w:jc w:val="both"/>
    </w:pPr>
    <w:rPr>
      <w:rFonts w:ascii="Arial" w:eastAsiaTheme="minorHAnsi" w:hAnsi="Arial" w:cs="Arial"/>
      <w:sz w:val="12"/>
      <w:lang w:eastAsia="en-US"/>
    </w:rPr>
  </w:style>
  <w:style w:type="paragraph" w:customStyle="1" w:styleId="38EB509713E0413C9C3C6EE8B7D374492">
    <w:name w:val="38EB509713E0413C9C3C6EE8B7D374492"/>
    <w:rsid w:val="005D7A44"/>
    <w:pPr>
      <w:spacing w:after="0" w:line="160" w:lineRule="atLeast"/>
      <w:jc w:val="both"/>
    </w:pPr>
    <w:rPr>
      <w:rFonts w:ascii="Arial" w:eastAsiaTheme="minorHAnsi" w:hAnsi="Arial" w:cs="Arial"/>
      <w:sz w:val="12"/>
      <w:lang w:eastAsia="en-US"/>
    </w:rPr>
  </w:style>
  <w:style w:type="paragraph" w:customStyle="1" w:styleId="E2917BCC95C94284B6C7EBA328DF45DB2">
    <w:name w:val="E2917BCC95C94284B6C7EBA328DF45DB2"/>
    <w:rsid w:val="005D7A44"/>
    <w:pPr>
      <w:spacing w:after="0" w:line="160" w:lineRule="atLeast"/>
      <w:jc w:val="both"/>
    </w:pPr>
    <w:rPr>
      <w:rFonts w:ascii="Arial" w:eastAsiaTheme="minorHAnsi" w:hAnsi="Arial" w:cs="Arial"/>
      <w:sz w:val="12"/>
      <w:lang w:eastAsia="en-US"/>
    </w:rPr>
  </w:style>
  <w:style w:type="paragraph" w:customStyle="1" w:styleId="D271451AE4564FD580D0CEDB4E7CC8132">
    <w:name w:val="D271451AE4564FD580D0CEDB4E7CC8132"/>
    <w:rsid w:val="005D7A44"/>
    <w:pPr>
      <w:spacing w:after="0" w:line="160" w:lineRule="atLeast"/>
      <w:jc w:val="both"/>
    </w:pPr>
    <w:rPr>
      <w:rFonts w:ascii="Arial" w:eastAsiaTheme="minorHAnsi" w:hAnsi="Arial" w:cs="Arial"/>
      <w:sz w:val="12"/>
      <w:lang w:eastAsia="en-US"/>
    </w:rPr>
  </w:style>
  <w:style w:type="paragraph" w:customStyle="1" w:styleId="1E50928DB2C843FFB1B0A473424B21C2">
    <w:name w:val="1E50928DB2C843FFB1B0A473424B21C2"/>
    <w:rsid w:val="00420B1D"/>
  </w:style>
  <w:style w:type="paragraph" w:customStyle="1" w:styleId="97D1FC1C1A8D466BA102BFA08EFF8321">
    <w:name w:val="97D1FC1C1A8D466BA102BFA08EFF8321"/>
    <w:rsid w:val="00420B1D"/>
  </w:style>
  <w:style w:type="paragraph" w:customStyle="1" w:styleId="CA17BEA9CC4646759FCB4C4FB7D89814">
    <w:name w:val="CA17BEA9CC4646759FCB4C4FB7D89814"/>
    <w:rsid w:val="00420B1D"/>
  </w:style>
  <w:style w:type="paragraph" w:customStyle="1" w:styleId="F9D6B78017A74A2BA9698CDCAE35719F">
    <w:name w:val="F9D6B78017A74A2BA9698CDCAE35719F"/>
    <w:rsid w:val="00420B1D"/>
  </w:style>
  <w:style w:type="paragraph" w:customStyle="1" w:styleId="50B6D52F82784B55B5660A3A0E266CA6">
    <w:name w:val="50B6D52F82784B55B5660A3A0E266CA6"/>
    <w:rsid w:val="00420B1D"/>
  </w:style>
  <w:style w:type="paragraph" w:customStyle="1" w:styleId="7C32B75FE28842598CF1E548F50AF78F">
    <w:name w:val="7C32B75FE28842598CF1E548F50AF78F"/>
    <w:rsid w:val="00420B1D"/>
  </w:style>
  <w:style w:type="paragraph" w:customStyle="1" w:styleId="63EA56B62ADA4EDABBDCE64C89000F62">
    <w:name w:val="63EA56B62ADA4EDABBDCE64C89000F62"/>
    <w:rsid w:val="00420B1D"/>
  </w:style>
  <w:style w:type="paragraph" w:customStyle="1" w:styleId="B4909128E8B3451F912B354B2F387A43">
    <w:name w:val="B4909128E8B3451F912B354B2F387A43"/>
    <w:rsid w:val="00420B1D"/>
  </w:style>
  <w:style w:type="paragraph" w:customStyle="1" w:styleId="92BAC9DA21424D47BDBFDE5EBFEFB499">
    <w:name w:val="92BAC9DA21424D47BDBFDE5EBFEFB499"/>
    <w:rsid w:val="00420B1D"/>
  </w:style>
  <w:style w:type="paragraph" w:customStyle="1" w:styleId="0737D89178FC45C09121C75785F848C7">
    <w:name w:val="0737D89178FC45C09121C75785F848C7"/>
    <w:rsid w:val="00420B1D"/>
  </w:style>
  <w:style w:type="paragraph" w:customStyle="1" w:styleId="9CAAC47B451D4241AE4BBBB438B84277">
    <w:name w:val="9CAAC47B451D4241AE4BBBB438B84277"/>
    <w:rsid w:val="00420B1D"/>
  </w:style>
  <w:style w:type="paragraph" w:customStyle="1" w:styleId="5ACD11ACD83C4206B78153A011F6DE59">
    <w:name w:val="5ACD11ACD83C4206B78153A011F6DE59"/>
    <w:rsid w:val="00420B1D"/>
  </w:style>
  <w:style w:type="paragraph" w:customStyle="1" w:styleId="560C6C0404C54182A882DD5F2C3BEC3A">
    <w:name w:val="560C6C0404C54182A882DD5F2C3BEC3A"/>
    <w:rsid w:val="00420B1D"/>
  </w:style>
  <w:style w:type="paragraph" w:customStyle="1" w:styleId="DB0D69F1BB9E4503AC858C5A993371C1">
    <w:name w:val="DB0D69F1BB9E4503AC858C5A993371C1"/>
    <w:rsid w:val="00420B1D"/>
  </w:style>
  <w:style w:type="paragraph" w:customStyle="1" w:styleId="D3B77ABD4C584CFAB5B3E4D974B9BFE0">
    <w:name w:val="D3B77ABD4C584CFAB5B3E4D974B9BFE0"/>
    <w:rsid w:val="00420B1D"/>
  </w:style>
  <w:style w:type="paragraph" w:customStyle="1" w:styleId="8A7588E08D404E1A9E22F1FE00ECBD28">
    <w:name w:val="8A7588E08D404E1A9E22F1FE00ECBD28"/>
    <w:rsid w:val="00420B1D"/>
  </w:style>
  <w:style w:type="paragraph" w:customStyle="1" w:styleId="6E7EECE294D4491DB59D0D59CB9BAE83">
    <w:name w:val="6E7EECE294D4491DB59D0D59CB9BAE83"/>
    <w:rsid w:val="00420B1D"/>
  </w:style>
  <w:style w:type="paragraph" w:customStyle="1" w:styleId="1B4FB2BC4FB64C33A0F4F81E6909D024">
    <w:name w:val="1B4FB2BC4FB64C33A0F4F81E6909D024"/>
    <w:rsid w:val="00420B1D"/>
  </w:style>
  <w:style w:type="paragraph" w:customStyle="1" w:styleId="47678B30A060478AA93B7EA25E683B9D">
    <w:name w:val="47678B30A060478AA93B7EA25E683B9D"/>
    <w:rsid w:val="00420B1D"/>
  </w:style>
  <w:style w:type="paragraph" w:customStyle="1" w:styleId="5D2190F9E5794D6F84619C18A16F9B73">
    <w:name w:val="5D2190F9E5794D6F84619C18A16F9B73"/>
    <w:rsid w:val="00420B1D"/>
  </w:style>
  <w:style w:type="paragraph" w:customStyle="1" w:styleId="3631835537FC489294586A9141685007">
    <w:name w:val="3631835537FC489294586A9141685007"/>
    <w:rsid w:val="00420B1D"/>
  </w:style>
  <w:style w:type="paragraph" w:customStyle="1" w:styleId="9153D039A67E4B9ABD9888CE4A2B7A9C">
    <w:name w:val="9153D039A67E4B9ABD9888CE4A2B7A9C"/>
    <w:rsid w:val="00420B1D"/>
  </w:style>
  <w:style w:type="paragraph" w:customStyle="1" w:styleId="E379C8D43CBE43FBAB2951CA65CC06CE">
    <w:name w:val="E379C8D43CBE43FBAB2951CA65CC06CE"/>
    <w:rsid w:val="00420B1D"/>
  </w:style>
  <w:style w:type="paragraph" w:customStyle="1" w:styleId="5AD58A1ABD264723B6ABC673C7551DDC">
    <w:name w:val="5AD58A1ABD264723B6ABC673C7551DDC"/>
    <w:rsid w:val="00420B1D"/>
  </w:style>
  <w:style w:type="paragraph" w:customStyle="1" w:styleId="65FC5133004F4486B3F9C4B9E812DA7E">
    <w:name w:val="65FC5133004F4486B3F9C4B9E812DA7E"/>
    <w:rsid w:val="00420B1D"/>
  </w:style>
  <w:style w:type="paragraph" w:customStyle="1" w:styleId="B93CA5BB1FA146AC89DD40267B52DA1A">
    <w:name w:val="B93CA5BB1FA146AC89DD40267B52DA1A"/>
    <w:rsid w:val="00420B1D"/>
  </w:style>
  <w:style w:type="paragraph" w:customStyle="1" w:styleId="6CC43E864884464BA3C0B310898E62D8">
    <w:name w:val="6CC43E864884464BA3C0B310898E62D8"/>
    <w:rsid w:val="00420B1D"/>
  </w:style>
  <w:style w:type="paragraph" w:customStyle="1" w:styleId="07885CE72E0D469F89F0FEB28DFA5EE8">
    <w:name w:val="07885CE72E0D469F89F0FEB28DFA5EE8"/>
    <w:rsid w:val="00420B1D"/>
  </w:style>
  <w:style w:type="paragraph" w:customStyle="1" w:styleId="B203F48128F44B46BECB52CA80447D87">
    <w:name w:val="B203F48128F44B46BECB52CA80447D87"/>
    <w:rsid w:val="00420B1D"/>
  </w:style>
  <w:style w:type="paragraph" w:customStyle="1" w:styleId="3AC1104FDDA145E4AB799DE996C6E5BA">
    <w:name w:val="3AC1104FDDA145E4AB799DE996C6E5BA"/>
    <w:rsid w:val="00420B1D"/>
  </w:style>
  <w:style w:type="paragraph" w:customStyle="1" w:styleId="10D9C7FB63084825B5A5F6488B8290AE">
    <w:name w:val="10D9C7FB63084825B5A5F6488B8290AE"/>
    <w:rsid w:val="00420B1D"/>
  </w:style>
  <w:style w:type="paragraph" w:customStyle="1" w:styleId="009E4E9E667947FBAF226F0C1D303695">
    <w:name w:val="009E4E9E667947FBAF226F0C1D303695"/>
    <w:rsid w:val="00420B1D"/>
  </w:style>
  <w:style w:type="paragraph" w:customStyle="1" w:styleId="B87D9A96F75247578E6D87C32CF1EB13">
    <w:name w:val="B87D9A96F75247578E6D87C32CF1EB13"/>
    <w:rsid w:val="00420B1D"/>
  </w:style>
  <w:style w:type="paragraph" w:customStyle="1" w:styleId="B3106FC58894492EAB93AEE33B146618">
    <w:name w:val="B3106FC58894492EAB93AEE33B146618"/>
    <w:rsid w:val="00420B1D"/>
  </w:style>
  <w:style w:type="paragraph" w:customStyle="1" w:styleId="09C14630AC69400D8E8D4A415D389B25">
    <w:name w:val="09C14630AC69400D8E8D4A415D389B25"/>
    <w:rsid w:val="00420B1D"/>
  </w:style>
  <w:style w:type="paragraph" w:customStyle="1" w:styleId="896063A38E154C80A7C634C40D6DEF5C">
    <w:name w:val="896063A38E154C80A7C634C40D6DEF5C"/>
    <w:rsid w:val="00420B1D"/>
  </w:style>
  <w:style w:type="paragraph" w:customStyle="1" w:styleId="50280CDC9BC548759AD437AE2B18C5CF">
    <w:name w:val="50280CDC9BC548759AD437AE2B18C5CF"/>
    <w:rsid w:val="00420B1D"/>
  </w:style>
  <w:style w:type="paragraph" w:customStyle="1" w:styleId="3FBD15B0072F4FF08BFEC45A32ECA595">
    <w:name w:val="3FBD15B0072F4FF08BFEC45A32ECA595"/>
    <w:rsid w:val="00420B1D"/>
  </w:style>
  <w:style w:type="paragraph" w:customStyle="1" w:styleId="A496E0CA78AF44549D532E9121A3EC9E">
    <w:name w:val="A496E0CA78AF44549D532E9121A3EC9E"/>
    <w:rsid w:val="00420B1D"/>
  </w:style>
  <w:style w:type="paragraph" w:customStyle="1" w:styleId="773C7D9C99084C7D992746F0DB2BA9C6">
    <w:name w:val="773C7D9C99084C7D992746F0DB2BA9C6"/>
    <w:rsid w:val="00420B1D"/>
  </w:style>
  <w:style w:type="paragraph" w:customStyle="1" w:styleId="7746350A07E245379CF8A8272407635D">
    <w:name w:val="7746350A07E245379CF8A8272407635D"/>
    <w:rsid w:val="00420B1D"/>
  </w:style>
  <w:style w:type="paragraph" w:customStyle="1" w:styleId="8EEFF468D1B2473384BA926D7FB2D2BE">
    <w:name w:val="8EEFF468D1B2473384BA926D7FB2D2BE"/>
    <w:rsid w:val="00420B1D"/>
  </w:style>
  <w:style w:type="paragraph" w:customStyle="1" w:styleId="ED415AC326CF42D0BDD5FDCAC9DE9E9C">
    <w:name w:val="ED415AC326CF42D0BDD5FDCAC9DE9E9C"/>
    <w:rsid w:val="00420B1D"/>
  </w:style>
  <w:style w:type="paragraph" w:customStyle="1" w:styleId="CA8E5E65CB0E43CBA8F28E4AAB603CE0">
    <w:name w:val="CA8E5E65CB0E43CBA8F28E4AAB603CE0"/>
    <w:rsid w:val="00420B1D"/>
  </w:style>
  <w:style w:type="paragraph" w:customStyle="1" w:styleId="D1D69F779832484C821A706581929C30">
    <w:name w:val="D1D69F779832484C821A706581929C30"/>
    <w:rsid w:val="00420B1D"/>
  </w:style>
  <w:style w:type="paragraph" w:customStyle="1" w:styleId="7B7D4E34A22A48AB87C8CFFE6051D9D1">
    <w:name w:val="7B7D4E34A22A48AB87C8CFFE6051D9D1"/>
    <w:rsid w:val="00420B1D"/>
  </w:style>
  <w:style w:type="paragraph" w:customStyle="1" w:styleId="EBB5CAE0746F45519DEC61CF87DF60C8">
    <w:name w:val="EBB5CAE0746F45519DEC61CF87DF60C8"/>
    <w:rsid w:val="00420B1D"/>
  </w:style>
  <w:style w:type="paragraph" w:customStyle="1" w:styleId="BFA3B3AEA70844E2AC18B4B8D681AD47">
    <w:name w:val="BFA3B3AEA70844E2AC18B4B8D681AD47"/>
    <w:rsid w:val="00420B1D"/>
  </w:style>
  <w:style w:type="paragraph" w:customStyle="1" w:styleId="1D2480522199467E9029475840FD6E2A">
    <w:name w:val="1D2480522199467E9029475840FD6E2A"/>
    <w:rsid w:val="00420B1D"/>
  </w:style>
  <w:style w:type="paragraph" w:customStyle="1" w:styleId="3031A09325F244F9A4C6AC7979169526">
    <w:name w:val="3031A09325F244F9A4C6AC7979169526"/>
    <w:rsid w:val="00420B1D"/>
  </w:style>
  <w:style w:type="paragraph" w:customStyle="1" w:styleId="7995ACB8EE714E3FA1AC466EB5E7F017">
    <w:name w:val="7995ACB8EE714E3FA1AC466EB5E7F017"/>
    <w:rsid w:val="00420B1D"/>
  </w:style>
  <w:style w:type="paragraph" w:customStyle="1" w:styleId="E331772DA4EB413BA19F1AA3E53B6B09">
    <w:name w:val="E331772DA4EB413BA19F1AA3E53B6B09"/>
    <w:rsid w:val="00420B1D"/>
  </w:style>
  <w:style w:type="paragraph" w:customStyle="1" w:styleId="2BC4579254724C0FABC633A661DF8C04">
    <w:name w:val="2BC4579254724C0FABC633A661DF8C04"/>
    <w:rsid w:val="00420B1D"/>
  </w:style>
  <w:style w:type="paragraph" w:customStyle="1" w:styleId="6CC71C5F0BB64060B2901B22EA362208">
    <w:name w:val="6CC71C5F0BB64060B2901B22EA362208"/>
    <w:rsid w:val="00420B1D"/>
  </w:style>
  <w:style w:type="paragraph" w:customStyle="1" w:styleId="F28A95BC9E3647E9A677C1D9FA0A201E4">
    <w:name w:val="F28A95BC9E3647E9A677C1D9FA0A201E4"/>
    <w:rsid w:val="00420B1D"/>
    <w:pPr>
      <w:spacing w:after="0" w:line="160" w:lineRule="atLeast"/>
      <w:jc w:val="both"/>
    </w:pPr>
    <w:rPr>
      <w:rFonts w:ascii="Arial" w:eastAsiaTheme="minorHAnsi" w:hAnsi="Arial" w:cs="Arial"/>
      <w:sz w:val="12"/>
      <w:lang w:eastAsia="en-US"/>
    </w:rPr>
  </w:style>
  <w:style w:type="paragraph" w:customStyle="1" w:styleId="0FD14C679B70402DA6548CA7CF76CE344">
    <w:name w:val="0FD14C679B70402DA6548CA7CF76CE344"/>
    <w:rsid w:val="00420B1D"/>
    <w:pPr>
      <w:spacing w:after="0" w:line="160" w:lineRule="atLeast"/>
      <w:jc w:val="both"/>
    </w:pPr>
    <w:rPr>
      <w:rFonts w:ascii="Arial" w:eastAsiaTheme="minorHAnsi" w:hAnsi="Arial" w:cs="Arial"/>
      <w:sz w:val="12"/>
      <w:lang w:eastAsia="en-US"/>
    </w:rPr>
  </w:style>
  <w:style w:type="paragraph" w:customStyle="1" w:styleId="6309FE44F0A74E46AC85B2A6CE7FE3553">
    <w:name w:val="6309FE44F0A74E46AC85B2A6CE7FE3553"/>
    <w:rsid w:val="00420B1D"/>
    <w:pPr>
      <w:spacing w:after="0" w:line="160" w:lineRule="atLeast"/>
      <w:jc w:val="both"/>
    </w:pPr>
    <w:rPr>
      <w:rFonts w:ascii="Arial" w:eastAsiaTheme="minorHAnsi" w:hAnsi="Arial" w:cs="Arial"/>
      <w:sz w:val="12"/>
      <w:lang w:eastAsia="en-US"/>
    </w:rPr>
  </w:style>
  <w:style w:type="paragraph" w:customStyle="1" w:styleId="38EB509713E0413C9C3C6EE8B7D374493">
    <w:name w:val="38EB509713E0413C9C3C6EE8B7D374493"/>
    <w:rsid w:val="00420B1D"/>
    <w:pPr>
      <w:spacing w:after="0" w:line="160" w:lineRule="atLeast"/>
      <w:jc w:val="both"/>
    </w:pPr>
    <w:rPr>
      <w:rFonts w:ascii="Arial" w:eastAsiaTheme="minorHAnsi" w:hAnsi="Arial" w:cs="Arial"/>
      <w:sz w:val="12"/>
      <w:lang w:eastAsia="en-US"/>
    </w:rPr>
  </w:style>
  <w:style w:type="paragraph" w:customStyle="1" w:styleId="E2917BCC95C94284B6C7EBA328DF45DB3">
    <w:name w:val="E2917BCC95C94284B6C7EBA328DF45DB3"/>
    <w:rsid w:val="00420B1D"/>
    <w:pPr>
      <w:spacing w:after="0" w:line="160" w:lineRule="atLeast"/>
      <w:jc w:val="both"/>
    </w:pPr>
    <w:rPr>
      <w:rFonts w:ascii="Arial" w:eastAsiaTheme="minorHAnsi" w:hAnsi="Arial" w:cs="Arial"/>
      <w:sz w:val="12"/>
      <w:lang w:eastAsia="en-US"/>
    </w:rPr>
  </w:style>
  <w:style w:type="paragraph" w:customStyle="1" w:styleId="D271451AE4564FD580D0CEDB4E7CC8133">
    <w:name w:val="D271451AE4564FD580D0CEDB4E7CC8133"/>
    <w:rsid w:val="00420B1D"/>
    <w:pPr>
      <w:spacing w:after="0" w:line="160" w:lineRule="atLeast"/>
      <w:jc w:val="both"/>
    </w:pPr>
    <w:rPr>
      <w:rFonts w:ascii="Arial" w:eastAsiaTheme="minorHAnsi" w:hAnsi="Arial" w:cs="Arial"/>
      <w:sz w:val="12"/>
      <w:lang w:eastAsia="en-US"/>
    </w:rPr>
  </w:style>
  <w:style w:type="paragraph" w:customStyle="1" w:styleId="50EA377E34A64C6FA680C9003EB741FE">
    <w:name w:val="50EA377E34A64C6FA680C9003EB741FE"/>
    <w:rsid w:val="009213AC"/>
  </w:style>
  <w:style w:type="paragraph" w:customStyle="1" w:styleId="99E8A7F53A00402EABB721542B46713E">
    <w:name w:val="99E8A7F53A00402EABB721542B46713E"/>
    <w:rsid w:val="009213AC"/>
  </w:style>
  <w:style w:type="paragraph" w:customStyle="1" w:styleId="DB7DA8CE31474BFE9067D6A19C5F3636">
    <w:name w:val="DB7DA8CE31474BFE9067D6A19C5F3636"/>
    <w:rsid w:val="009213AC"/>
  </w:style>
  <w:style w:type="paragraph" w:customStyle="1" w:styleId="9C8ADB409C1446189596AB5236942818">
    <w:name w:val="9C8ADB409C1446189596AB5236942818"/>
    <w:rsid w:val="009213AC"/>
  </w:style>
  <w:style w:type="paragraph" w:customStyle="1" w:styleId="9412CF8F19F846B79E0F9A049C9BEC72">
    <w:name w:val="9412CF8F19F846B79E0F9A049C9BEC72"/>
    <w:rsid w:val="009213AC"/>
  </w:style>
  <w:style w:type="paragraph" w:customStyle="1" w:styleId="83367D8A56784230B905D13A7F0BC821">
    <w:name w:val="83367D8A56784230B905D13A7F0BC821"/>
    <w:rsid w:val="009213AC"/>
  </w:style>
  <w:style w:type="paragraph" w:customStyle="1" w:styleId="E13E4846EBF94AE9B5727906A9576151">
    <w:name w:val="E13E4846EBF94AE9B5727906A9576151"/>
    <w:rsid w:val="009213AC"/>
  </w:style>
  <w:style w:type="paragraph" w:customStyle="1" w:styleId="C13E7EC3DC2A4C70885D4143EF50BC26">
    <w:name w:val="C13E7EC3DC2A4C70885D4143EF50BC26"/>
    <w:rsid w:val="009213AC"/>
  </w:style>
  <w:style w:type="paragraph" w:customStyle="1" w:styleId="4A58E72A14BA46ADA39D327984FFA9DF">
    <w:name w:val="4A58E72A14BA46ADA39D327984FFA9DF"/>
    <w:rsid w:val="009213AC"/>
  </w:style>
  <w:style w:type="paragraph" w:customStyle="1" w:styleId="8FA5FED79CA9468D8DF0F1A3DC5BF177">
    <w:name w:val="8FA5FED79CA9468D8DF0F1A3DC5BF177"/>
    <w:rsid w:val="009213AC"/>
  </w:style>
  <w:style w:type="paragraph" w:customStyle="1" w:styleId="329326D171BA4DFBAE527FA92A71E9F5">
    <w:name w:val="329326D171BA4DFBAE527FA92A71E9F5"/>
    <w:rsid w:val="009213AC"/>
  </w:style>
  <w:style w:type="paragraph" w:customStyle="1" w:styleId="A3E536B2A3D04918BBD5282485DE912A">
    <w:name w:val="A3E536B2A3D04918BBD5282485DE912A"/>
    <w:rsid w:val="009213AC"/>
  </w:style>
  <w:style w:type="paragraph" w:customStyle="1" w:styleId="35714E825485473EADADBC73279F80CA">
    <w:name w:val="35714E825485473EADADBC73279F80CA"/>
    <w:rsid w:val="009213AC"/>
  </w:style>
  <w:style w:type="paragraph" w:customStyle="1" w:styleId="03C2DCE279A34905B86E7C9475D083BE">
    <w:name w:val="03C2DCE279A34905B86E7C9475D083BE"/>
    <w:rsid w:val="009213AC"/>
  </w:style>
  <w:style w:type="paragraph" w:customStyle="1" w:styleId="0575D4F7EC514B48A370EBF8DC6E53AD">
    <w:name w:val="0575D4F7EC514B48A370EBF8DC6E53AD"/>
    <w:rsid w:val="009213AC"/>
  </w:style>
  <w:style w:type="paragraph" w:customStyle="1" w:styleId="737A56A92BA64DFAA74D2080016FC1D5">
    <w:name w:val="737A56A92BA64DFAA74D2080016FC1D5"/>
    <w:rsid w:val="009213AC"/>
  </w:style>
  <w:style w:type="paragraph" w:customStyle="1" w:styleId="549FDEDF294149D6AFFFD59F0BFE55DD">
    <w:name w:val="549FDEDF294149D6AFFFD59F0BFE55DD"/>
    <w:rsid w:val="009213AC"/>
  </w:style>
  <w:style w:type="paragraph" w:customStyle="1" w:styleId="9F4DA43CD77A48B7A8E9ED5ED8DAAFFA">
    <w:name w:val="9F4DA43CD77A48B7A8E9ED5ED8DAAFFA"/>
    <w:rsid w:val="009213AC"/>
  </w:style>
  <w:style w:type="paragraph" w:customStyle="1" w:styleId="CD62E56646B4443A8FACF4E94BEB264F">
    <w:name w:val="CD62E56646B4443A8FACF4E94BEB264F"/>
    <w:rsid w:val="009213AC"/>
  </w:style>
  <w:style w:type="paragraph" w:customStyle="1" w:styleId="A374D6C217454B4BA0CF46B17C29E97A">
    <w:name w:val="A374D6C217454B4BA0CF46B17C29E97A"/>
    <w:rsid w:val="009213AC"/>
  </w:style>
  <w:style w:type="paragraph" w:customStyle="1" w:styleId="3E619A7BAA294DC38F4915C06045E36F">
    <w:name w:val="3E619A7BAA294DC38F4915C06045E36F"/>
    <w:rsid w:val="00AC5CC5"/>
  </w:style>
  <w:style w:type="paragraph" w:customStyle="1" w:styleId="DAB19865D7954F549C70DEE0BBCE9567">
    <w:name w:val="DAB19865D7954F549C70DEE0BBCE9567"/>
    <w:rsid w:val="00AC5CC5"/>
  </w:style>
  <w:style w:type="paragraph" w:customStyle="1" w:styleId="5D0522B6F5084EADA473971BC16BF103">
    <w:name w:val="5D0522B6F5084EADA473971BC16BF103"/>
    <w:rsid w:val="00AC5CC5"/>
  </w:style>
  <w:style w:type="paragraph" w:customStyle="1" w:styleId="15A5377F10DB49D1917B81F28826118A">
    <w:name w:val="15A5377F10DB49D1917B81F28826118A"/>
    <w:rsid w:val="00AC5CC5"/>
  </w:style>
  <w:style w:type="paragraph" w:customStyle="1" w:styleId="F158E8A0307244CA8120C8E81A044686">
    <w:name w:val="F158E8A0307244CA8120C8E81A044686"/>
    <w:rsid w:val="00AC5CC5"/>
  </w:style>
  <w:style w:type="paragraph" w:customStyle="1" w:styleId="9C6EF2DCFEA54CCF930EC232A38C3D1B">
    <w:name w:val="9C6EF2DCFEA54CCF930EC232A38C3D1B"/>
    <w:rsid w:val="00AC5CC5"/>
  </w:style>
  <w:style w:type="paragraph" w:customStyle="1" w:styleId="34DD44AA2E6A4E108D9845D6BC72F045">
    <w:name w:val="34DD44AA2E6A4E108D9845D6BC72F045"/>
    <w:rsid w:val="00AC5CC5"/>
  </w:style>
  <w:style w:type="paragraph" w:customStyle="1" w:styleId="87651E36A0934FB9905F21B5D6EB8F99">
    <w:name w:val="87651E36A0934FB9905F21B5D6EB8F99"/>
    <w:rsid w:val="00AC5CC5"/>
  </w:style>
  <w:style w:type="paragraph" w:customStyle="1" w:styleId="98D1CD738E56426EB4980EA4354A1A7C">
    <w:name w:val="98D1CD738E56426EB4980EA4354A1A7C"/>
    <w:rsid w:val="00AC5CC5"/>
  </w:style>
  <w:style w:type="paragraph" w:customStyle="1" w:styleId="3124A20C7844455B9DEFBF0814D7AF63">
    <w:name w:val="3124A20C7844455B9DEFBF0814D7AF63"/>
    <w:rsid w:val="00AC5CC5"/>
  </w:style>
  <w:style w:type="paragraph" w:customStyle="1" w:styleId="3C2B4D268B784D6EAF48ED44DD0163DE">
    <w:name w:val="3C2B4D268B784D6EAF48ED44DD0163DE"/>
    <w:rsid w:val="00AC5CC5"/>
  </w:style>
  <w:style w:type="paragraph" w:customStyle="1" w:styleId="AB481D67F5DD492E98BB946EDBEE9175">
    <w:name w:val="AB481D67F5DD492E98BB946EDBEE9175"/>
    <w:rsid w:val="00AC5CC5"/>
  </w:style>
  <w:style w:type="paragraph" w:customStyle="1" w:styleId="BE8B38B0A3C74D4FB783C9E8C2B0841F">
    <w:name w:val="BE8B38B0A3C74D4FB783C9E8C2B0841F"/>
    <w:rsid w:val="00AC5CC5"/>
  </w:style>
  <w:style w:type="paragraph" w:customStyle="1" w:styleId="17CF45D3897C49F0A17B3DC45E35583D">
    <w:name w:val="17CF45D3897C49F0A17B3DC45E35583D"/>
    <w:rsid w:val="00AC5CC5"/>
  </w:style>
  <w:style w:type="paragraph" w:customStyle="1" w:styleId="6394FA83854B4CA680011D56D5DF1E0E">
    <w:name w:val="6394FA83854B4CA680011D56D5DF1E0E"/>
    <w:rsid w:val="00AC5CC5"/>
  </w:style>
  <w:style w:type="paragraph" w:customStyle="1" w:styleId="FC2E88AAEEB54F66B0ACF43E707827A0">
    <w:name w:val="FC2E88AAEEB54F66B0ACF43E707827A0"/>
    <w:rsid w:val="00AC5CC5"/>
  </w:style>
  <w:style w:type="paragraph" w:customStyle="1" w:styleId="FEAAC4FDCC9B424EA5C848D727F93879">
    <w:name w:val="FEAAC4FDCC9B424EA5C848D727F93879"/>
    <w:rsid w:val="00AC5CC5"/>
  </w:style>
  <w:style w:type="paragraph" w:customStyle="1" w:styleId="DB8FAB583C604733AA3F3B7E402E2A5D">
    <w:name w:val="DB8FAB583C604733AA3F3B7E402E2A5D"/>
    <w:rsid w:val="00AC5CC5"/>
  </w:style>
  <w:style w:type="paragraph" w:customStyle="1" w:styleId="EDB657047528490082D2389E67919C77">
    <w:name w:val="EDB657047528490082D2389E67919C77"/>
    <w:rsid w:val="00AC5CC5"/>
  </w:style>
  <w:style w:type="paragraph" w:customStyle="1" w:styleId="ECA75C7E0619453A99A9B601145A044E">
    <w:name w:val="ECA75C7E0619453A99A9B601145A044E"/>
    <w:rsid w:val="00AC5CC5"/>
  </w:style>
  <w:style w:type="paragraph" w:customStyle="1" w:styleId="79F5003B480745148ABCE8A364CFA9FE">
    <w:name w:val="79F5003B480745148ABCE8A364CFA9FE"/>
    <w:rsid w:val="00AC5CC5"/>
  </w:style>
  <w:style w:type="paragraph" w:customStyle="1" w:styleId="DA4222301A854668B6026F20F53D5F1D">
    <w:name w:val="DA4222301A854668B6026F20F53D5F1D"/>
    <w:rsid w:val="00AC5CC5"/>
  </w:style>
  <w:style w:type="paragraph" w:customStyle="1" w:styleId="6E28139C495D4246BE96B0C78D04CC35">
    <w:name w:val="6E28139C495D4246BE96B0C78D04CC35"/>
    <w:rsid w:val="00AC5CC5"/>
  </w:style>
  <w:style w:type="paragraph" w:customStyle="1" w:styleId="D8E0BAFEA05C46808488BAC62728792F">
    <w:name w:val="D8E0BAFEA05C46808488BAC62728792F"/>
    <w:rsid w:val="00AC5CC5"/>
  </w:style>
  <w:style w:type="paragraph" w:customStyle="1" w:styleId="1D292D221CAC46B8BF8389F46E226E14">
    <w:name w:val="1D292D221CAC46B8BF8389F46E226E14"/>
    <w:rsid w:val="00AC5CC5"/>
  </w:style>
  <w:style w:type="paragraph" w:customStyle="1" w:styleId="9E531D85C9EA482C8CC38D4B9FA9202E">
    <w:name w:val="9E531D85C9EA482C8CC38D4B9FA9202E"/>
    <w:rsid w:val="00AC5CC5"/>
  </w:style>
  <w:style w:type="paragraph" w:customStyle="1" w:styleId="4D9FDF87613947C78EC459212E391926">
    <w:name w:val="4D9FDF87613947C78EC459212E391926"/>
    <w:rsid w:val="00AC5CC5"/>
  </w:style>
  <w:style w:type="paragraph" w:customStyle="1" w:styleId="382A0224684B4F22870F120EF6E29900">
    <w:name w:val="382A0224684B4F22870F120EF6E29900"/>
    <w:rsid w:val="00AC5CC5"/>
  </w:style>
  <w:style w:type="paragraph" w:customStyle="1" w:styleId="16D44912546145589FCDF94C908E694D">
    <w:name w:val="16D44912546145589FCDF94C908E694D"/>
    <w:rsid w:val="00AC5CC5"/>
  </w:style>
  <w:style w:type="paragraph" w:customStyle="1" w:styleId="20FC95820F054AB68D4196F5930BFC6D">
    <w:name w:val="20FC95820F054AB68D4196F5930BFC6D"/>
    <w:rsid w:val="00AC5CC5"/>
  </w:style>
  <w:style w:type="paragraph" w:customStyle="1" w:styleId="0A64643E14974DEB8139101136D02044">
    <w:name w:val="0A64643E14974DEB8139101136D02044"/>
    <w:rsid w:val="00AC5CC5"/>
  </w:style>
  <w:style w:type="paragraph" w:customStyle="1" w:styleId="20D2408E973A40DCBC257673ED77E544">
    <w:name w:val="20D2408E973A40DCBC257673ED77E544"/>
    <w:rsid w:val="00AC5CC5"/>
  </w:style>
  <w:style w:type="paragraph" w:customStyle="1" w:styleId="2107BC6A62CF4EFB89D16E5BFFE3BB2A">
    <w:name w:val="2107BC6A62CF4EFB89D16E5BFFE3BB2A"/>
    <w:rsid w:val="00AC5CC5"/>
  </w:style>
  <w:style w:type="paragraph" w:customStyle="1" w:styleId="4BF6DC462D8D48F1A776396C4FD3481C">
    <w:name w:val="4BF6DC462D8D48F1A776396C4FD3481C"/>
    <w:rsid w:val="00AC5CC5"/>
  </w:style>
  <w:style w:type="paragraph" w:customStyle="1" w:styleId="DBB1451660F742F59A3B61794219ACCF">
    <w:name w:val="DBB1451660F742F59A3B61794219ACCF"/>
    <w:rsid w:val="00AC5CC5"/>
  </w:style>
  <w:style w:type="paragraph" w:customStyle="1" w:styleId="508C964A20F34ED9A8F5AEEFE4507797">
    <w:name w:val="508C964A20F34ED9A8F5AEEFE4507797"/>
    <w:rsid w:val="00AC5CC5"/>
  </w:style>
  <w:style w:type="paragraph" w:customStyle="1" w:styleId="78884879483F4854A6646EC5081BA88A">
    <w:name w:val="78884879483F4854A6646EC5081BA88A"/>
    <w:rsid w:val="00AC5CC5"/>
  </w:style>
  <w:style w:type="paragraph" w:customStyle="1" w:styleId="FDC9455B24B34AE78F88F4B82A7BEF19">
    <w:name w:val="FDC9455B24B34AE78F88F4B82A7BEF19"/>
    <w:rsid w:val="00AC5CC5"/>
  </w:style>
  <w:style w:type="paragraph" w:customStyle="1" w:styleId="66B2B3EF9C9740008D9BD6A626537CDC">
    <w:name w:val="66B2B3EF9C9740008D9BD6A626537CDC"/>
    <w:rsid w:val="00AC5CC5"/>
  </w:style>
  <w:style w:type="paragraph" w:customStyle="1" w:styleId="AAEE0AD6960140AA8EEB1CCEF28FD8AC">
    <w:name w:val="AAEE0AD6960140AA8EEB1CCEF28FD8AC"/>
    <w:rsid w:val="00AC5CC5"/>
  </w:style>
  <w:style w:type="paragraph" w:customStyle="1" w:styleId="DD4273FBCCF945BBA2485928EC4381A2">
    <w:name w:val="DD4273FBCCF945BBA2485928EC4381A2"/>
    <w:rsid w:val="00AC5CC5"/>
  </w:style>
  <w:style w:type="paragraph" w:customStyle="1" w:styleId="14A7B1F2548342509593A88BCA328470">
    <w:name w:val="14A7B1F2548342509593A88BCA328470"/>
    <w:rsid w:val="00AC5CC5"/>
  </w:style>
  <w:style w:type="paragraph" w:customStyle="1" w:styleId="EC4F90527AFF46AF99FEAA6D63EDD61B">
    <w:name w:val="EC4F90527AFF46AF99FEAA6D63EDD61B"/>
    <w:rsid w:val="00AC5CC5"/>
  </w:style>
  <w:style w:type="paragraph" w:customStyle="1" w:styleId="D803A9F668834250B692CBD629A34F52">
    <w:name w:val="D803A9F668834250B692CBD629A34F52"/>
    <w:rsid w:val="00AC5CC5"/>
  </w:style>
  <w:style w:type="paragraph" w:customStyle="1" w:styleId="7E974CAE65E44A3CB82437E5E9D1F645">
    <w:name w:val="7E974CAE65E44A3CB82437E5E9D1F645"/>
    <w:rsid w:val="00AC5CC5"/>
  </w:style>
  <w:style w:type="paragraph" w:customStyle="1" w:styleId="454A48111C13454EB174172D8430C848">
    <w:name w:val="454A48111C13454EB174172D8430C848"/>
    <w:rsid w:val="00AC5CC5"/>
  </w:style>
  <w:style w:type="paragraph" w:customStyle="1" w:styleId="7141CA27F04D4BC18F259E96CFDEAC94">
    <w:name w:val="7141CA27F04D4BC18F259E96CFDEAC94"/>
    <w:rsid w:val="00AC5CC5"/>
  </w:style>
  <w:style w:type="paragraph" w:customStyle="1" w:styleId="9FE8582E0D654839A52F1BDDE8CAF5AE">
    <w:name w:val="9FE8582E0D654839A52F1BDDE8CAF5AE"/>
    <w:rsid w:val="00DE18BB"/>
  </w:style>
  <w:style w:type="paragraph" w:customStyle="1" w:styleId="1F067F2889614B5EAD253577B6C15B63">
    <w:name w:val="1F067F2889614B5EAD253577B6C15B63"/>
    <w:rsid w:val="00DE18BB"/>
  </w:style>
  <w:style w:type="paragraph" w:customStyle="1" w:styleId="A4C56FCE7D0B4B4EB42F7DA8583F8578">
    <w:name w:val="A4C56FCE7D0B4B4EB42F7DA8583F8578"/>
    <w:rsid w:val="00DE18BB"/>
  </w:style>
  <w:style w:type="paragraph" w:customStyle="1" w:styleId="0DF8C1DEC4FE41EDA1FB8A9EC25746B7">
    <w:name w:val="0DF8C1DEC4FE41EDA1FB8A9EC25746B7"/>
    <w:rsid w:val="00DE18BB"/>
  </w:style>
  <w:style w:type="paragraph" w:customStyle="1" w:styleId="A2CACAC0257D4BD0B865C1D9287F7752">
    <w:name w:val="A2CACAC0257D4BD0B865C1D9287F7752"/>
    <w:rsid w:val="00DE18BB"/>
  </w:style>
  <w:style w:type="paragraph" w:customStyle="1" w:styleId="2F7D714BF3754D73A46712337BBEC65F">
    <w:name w:val="2F7D714BF3754D73A46712337BBEC65F"/>
    <w:rsid w:val="00DE18BB"/>
  </w:style>
  <w:style w:type="paragraph" w:customStyle="1" w:styleId="E2E39CD0B0A44A9CA67EAFADF8B67E1A">
    <w:name w:val="E2E39CD0B0A44A9CA67EAFADF8B67E1A"/>
    <w:rsid w:val="00DE18BB"/>
  </w:style>
  <w:style w:type="paragraph" w:customStyle="1" w:styleId="2DB077BE81944AECA61643C4D6EFB501">
    <w:name w:val="2DB077BE81944AECA61643C4D6EFB501"/>
    <w:rsid w:val="00DE18BB"/>
  </w:style>
  <w:style w:type="paragraph" w:customStyle="1" w:styleId="5D96C217C9D1450EADF3DA80C85C4A78">
    <w:name w:val="5D96C217C9D1450EADF3DA80C85C4A78"/>
    <w:rsid w:val="00DE18BB"/>
  </w:style>
  <w:style w:type="paragraph" w:customStyle="1" w:styleId="59F7267D706043519E59F21348B6B544">
    <w:name w:val="59F7267D706043519E59F21348B6B544"/>
    <w:rsid w:val="00DE18BB"/>
  </w:style>
  <w:style w:type="paragraph" w:customStyle="1" w:styleId="9CA9D3942BD94BCDABEF4331D014BE93">
    <w:name w:val="9CA9D3942BD94BCDABEF4331D014BE93"/>
    <w:rsid w:val="00DE18BB"/>
  </w:style>
  <w:style w:type="paragraph" w:customStyle="1" w:styleId="FBFC552F0B6344DFBCBCC513A261417F">
    <w:name w:val="FBFC552F0B6344DFBCBCC513A261417F"/>
    <w:rsid w:val="00DE18BB"/>
  </w:style>
  <w:style w:type="paragraph" w:customStyle="1" w:styleId="310F5BED752F4E80840487F55D2AF441">
    <w:name w:val="310F5BED752F4E80840487F55D2AF441"/>
    <w:rsid w:val="00DE18BB"/>
  </w:style>
  <w:style w:type="paragraph" w:customStyle="1" w:styleId="C3BC015D7AC3410EBCB4E37E011996A3">
    <w:name w:val="C3BC015D7AC3410EBCB4E37E011996A3"/>
    <w:rsid w:val="00DE18BB"/>
  </w:style>
  <w:style w:type="paragraph" w:customStyle="1" w:styleId="E4FBBB0ECD8A43298B74D631E14FFE40">
    <w:name w:val="E4FBBB0ECD8A43298B74D631E14FFE40"/>
    <w:rsid w:val="00DE18BB"/>
  </w:style>
  <w:style w:type="paragraph" w:customStyle="1" w:styleId="2239E2FE407141E6815540AA8107CDD9">
    <w:name w:val="2239E2FE407141E6815540AA8107CDD9"/>
    <w:rsid w:val="00DE18BB"/>
  </w:style>
  <w:style w:type="paragraph" w:customStyle="1" w:styleId="AA0A579F41544BADAED7A7350B980F55">
    <w:name w:val="AA0A579F41544BADAED7A7350B980F55"/>
    <w:rsid w:val="00DE18BB"/>
  </w:style>
  <w:style w:type="paragraph" w:customStyle="1" w:styleId="9A2D3F4ECF6A4FA3806AE5FF69C74468">
    <w:name w:val="9A2D3F4ECF6A4FA3806AE5FF69C74468"/>
    <w:rsid w:val="00DE18BB"/>
  </w:style>
  <w:style w:type="paragraph" w:customStyle="1" w:styleId="B0174390506B48D28F06BD252529C1CD">
    <w:name w:val="B0174390506B48D28F06BD252529C1CD"/>
    <w:rsid w:val="00DE18BB"/>
  </w:style>
  <w:style w:type="paragraph" w:customStyle="1" w:styleId="A0D45F3D5E534B49A4555E632EBDE78A">
    <w:name w:val="A0D45F3D5E534B49A4555E632EBDE78A"/>
    <w:rsid w:val="00DE18BB"/>
  </w:style>
  <w:style w:type="paragraph" w:customStyle="1" w:styleId="DA542B982AFE4DD2915E12D8F4D18DF2">
    <w:name w:val="DA542B982AFE4DD2915E12D8F4D18DF2"/>
    <w:rsid w:val="00DE18BB"/>
  </w:style>
  <w:style w:type="paragraph" w:customStyle="1" w:styleId="84B1DBD89ADC45639D7471298F0B1643">
    <w:name w:val="84B1DBD89ADC45639D7471298F0B1643"/>
    <w:rsid w:val="00584939"/>
    <w:pPr>
      <w:spacing w:after="0" w:line="160" w:lineRule="atLeast"/>
      <w:jc w:val="both"/>
    </w:pPr>
    <w:rPr>
      <w:rFonts w:ascii="Arial" w:eastAsiaTheme="minorHAnsi" w:hAnsi="Arial" w:cs="Arial"/>
      <w:sz w:val="12"/>
      <w:lang w:eastAsia="en-US"/>
    </w:rPr>
  </w:style>
  <w:style w:type="paragraph" w:customStyle="1" w:styleId="6BCA5B42AAF141A6B883818808F7E38F">
    <w:name w:val="6BCA5B42AAF141A6B883818808F7E38F"/>
    <w:rsid w:val="00584939"/>
    <w:pPr>
      <w:spacing w:after="0" w:line="160" w:lineRule="atLeast"/>
      <w:jc w:val="both"/>
    </w:pPr>
    <w:rPr>
      <w:rFonts w:ascii="Arial" w:eastAsiaTheme="minorHAnsi" w:hAnsi="Arial" w:cs="Arial"/>
      <w:sz w:val="12"/>
      <w:lang w:eastAsia="en-US"/>
    </w:rPr>
  </w:style>
  <w:style w:type="paragraph" w:customStyle="1" w:styleId="36A515937CE34571B569DF93F57D819F">
    <w:name w:val="36A515937CE34571B569DF93F57D819F"/>
    <w:rsid w:val="00584939"/>
    <w:pPr>
      <w:spacing w:after="0" w:line="160" w:lineRule="atLeast"/>
      <w:jc w:val="both"/>
    </w:pPr>
    <w:rPr>
      <w:rFonts w:ascii="Arial" w:eastAsiaTheme="minorHAnsi" w:hAnsi="Arial" w:cs="Arial"/>
      <w:sz w:val="12"/>
      <w:lang w:eastAsia="en-US"/>
    </w:rPr>
  </w:style>
  <w:style w:type="paragraph" w:customStyle="1" w:styleId="2F21205B5E9848E3BAE9C23BBFF7B7CE">
    <w:name w:val="2F21205B5E9848E3BAE9C23BBFF7B7CE"/>
    <w:rsid w:val="00584939"/>
    <w:pPr>
      <w:spacing w:after="0" w:line="160" w:lineRule="atLeast"/>
      <w:jc w:val="both"/>
    </w:pPr>
    <w:rPr>
      <w:rFonts w:ascii="Arial" w:eastAsiaTheme="minorHAnsi" w:hAnsi="Arial" w:cs="Arial"/>
      <w:sz w:val="12"/>
      <w:lang w:eastAsia="en-US"/>
    </w:rPr>
  </w:style>
  <w:style w:type="paragraph" w:customStyle="1" w:styleId="55E765E2670843FBB1BA6327DBBE3004">
    <w:name w:val="55E765E2670843FBB1BA6327DBBE3004"/>
    <w:rsid w:val="00584939"/>
    <w:pPr>
      <w:spacing w:after="0" w:line="160" w:lineRule="atLeast"/>
      <w:jc w:val="both"/>
    </w:pPr>
    <w:rPr>
      <w:rFonts w:ascii="Arial" w:eastAsiaTheme="minorHAnsi" w:hAnsi="Arial" w:cs="Arial"/>
      <w:sz w:val="12"/>
      <w:lang w:eastAsia="en-US"/>
    </w:rPr>
  </w:style>
  <w:style w:type="paragraph" w:customStyle="1" w:styleId="B3DE9EC2A9C644CBA0EA08E35C2BDE72">
    <w:name w:val="B3DE9EC2A9C644CBA0EA08E35C2BDE72"/>
    <w:rsid w:val="00584939"/>
    <w:pPr>
      <w:spacing w:after="0" w:line="160" w:lineRule="atLeast"/>
      <w:jc w:val="both"/>
    </w:pPr>
    <w:rPr>
      <w:rFonts w:ascii="Arial" w:eastAsiaTheme="minorHAnsi" w:hAnsi="Arial" w:cs="Arial"/>
      <w:sz w:val="12"/>
      <w:lang w:eastAsia="en-US"/>
    </w:rPr>
  </w:style>
  <w:style w:type="paragraph" w:customStyle="1" w:styleId="3E619A7BAA294DC38F4915C06045E36F1">
    <w:name w:val="3E619A7BAA294DC38F4915C06045E36F1"/>
    <w:rsid w:val="00584939"/>
    <w:pPr>
      <w:spacing w:after="0" w:line="260" w:lineRule="atLeast"/>
    </w:pPr>
    <w:rPr>
      <w:rFonts w:ascii="Times New Roman" w:eastAsiaTheme="minorHAnsi" w:hAnsi="Times New Roman" w:cs="Times New Roman"/>
      <w:b/>
      <w:lang w:eastAsia="en-US"/>
    </w:rPr>
  </w:style>
  <w:style w:type="paragraph" w:customStyle="1" w:styleId="DAB19865D7954F549C70DEE0BBCE95671">
    <w:name w:val="DAB19865D7954F549C70DEE0BBCE95671"/>
    <w:rsid w:val="00584939"/>
    <w:pPr>
      <w:spacing w:after="0" w:line="260" w:lineRule="atLeast"/>
    </w:pPr>
    <w:rPr>
      <w:rFonts w:ascii="Times New Roman" w:eastAsiaTheme="minorHAnsi" w:hAnsi="Times New Roman" w:cs="Times New Roman"/>
      <w:lang w:eastAsia="en-US"/>
    </w:rPr>
  </w:style>
  <w:style w:type="paragraph" w:customStyle="1" w:styleId="F158E8A0307244CA8120C8E81A0446861">
    <w:name w:val="F158E8A0307244CA8120C8E81A0446861"/>
    <w:rsid w:val="00584939"/>
    <w:pPr>
      <w:spacing w:after="0" w:line="220" w:lineRule="atLeast"/>
    </w:pPr>
    <w:rPr>
      <w:rFonts w:ascii="Arial" w:eastAsiaTheme="minorHAnsi" w:hAnsi="Arial" w:cs="Arial"/>
      <w:sz w:val="16"/>
      <w:lang w:eastAsia="en-US"/>
    </w:rPr>
  </w:style>
  <w:style w:type="paragraph" w:customStyle="1" w:styleId="9C6EF2DCFEA54CCF930EC232A38C3D1B1">
    <w:name w:val="9C6EF2DCFEA54CCF930EC232A38C3D1B1"/>
    <w:rsid w:val="00584939"/>
    <w:pPr>
      <w:spacing w:after="0" w:line="220" w:lineRule="atLeast"/>
    </w:pPr>
    <w:rPr>
      <w:rFonts w:ascii="Arial" w:eastAsiaTheme="minorHAnsi" w:hAnsi="Arial" w:cs="Arial"/>
      <w:sz w:val="16"/>
      <w:lang w:eastAsia="en-US"/>
    </w:rPr>
  </w:style>
  <w:style w:type="paragraph" w:customStyle="1" w:styleId="87651E36A0934FB9905F21B5D6EB8F991">
    <w:name w:val="87651E36A0934FB9905F21B5D6EB8F991"/>
    <w:rsid w:val="00584939"/>
    <w:pPr>
      <w:spacing w:after="0" w:line="220" w:lineRule="atLeast"/>
    </w:pPr>
    <w:rPr>
      <w:rFonts w:ascii="Arial" w:eastAsiaTheme="minorHAnsi" w:hAnsi="Arial" w:cs="Arial"/>
      <w:sz w:val="16"/>
      <w:lang w:eastAsia="en-US"/>
    </w:rPr>
  </w:style>
  <w:style w:type="paragraph" w:customStyle="1" w:styleId="98D1CD738E56426EB4980EA4354A1A7C1">
    <w:name w:val="98D1CD738E56426EB4980EA4354A1A7C1"/>
    <w:rsid w:val="00584939"/>
    <w:pPr>
      <w:spacing w:after="0" w:line="220" w:lineRule="atLeast"/>
    </w:pPr>
    <w:rPr>
      <w:rFonts w:ascii="Arial" w:eastAsiaTheme="minorHAnsi" w:hAnsi="Arial" w:cs="Arial"/>
      <w:sz w:val="16"/>
      <w:lang w:eastAsia="en-US"/>
    </w:rPr>
  </w:style>
  <w:style w:type="paragraph" w:customStyle="1" w:styleId="3124A20C7844455B9DEFBF0814D7AF631">
    <w:name w:val="3124A20C7844455B9DEFBF0814D7AF631"/>
    <w:rsid w:val="00584939"/>
    <w:pPr>
      <w:spacing w:after="0" w:line="220" w:lineRule="atLeast"/>
    </w:pPr>
    <w:rPr>
      <w:rFonts w:ascii="Arial" w:eastAsiaTheme="minorHAnsi" w:hAnsi="Arial" w:cs="Arial"/>
      <w:sz w:val="16"/>
      <w:lang w:eastAsia="en-US"/>
    </w:rPr>
  </w:style>
  <w:style w:type="paragraph" w:customStyle="1" w:styleId="3C2B4D268B784D6EAF48ED44DD0163DE1">
    <w:name w:val="3C2B4D268B784D6EAF48ED44DD0163DE1"/>
    <w:rsid w:val="00584939"/>
    <w:pPr>
      <w:spacing w:after="0" w:line="220" w:lineRule="atLeast"/>
    </w:pPr>
    <w:rPr>
      <w:rFonts w:ascii="Arial" w:eastAsiaTheme="minorHAnsi" w:hAnsi="Arial" w:cs="Arial"/>
      <w:sz w:val="16"/>
      <w:lang w:eastAsia="en-US"/>
    </w:rPr>
  </w:style>
  <w:style w:type="paragraph" w:customStyle="1" w:styleId="AB481D67F5DD492E98BB946EDBEE91751">
    <w:name w:val="AB481D67F5DD492E98BB946EDBEE91751"/>
    <w:rsid w:val="00584939"/>
    <w:pPr>
      <w:spacing w:after="0" w:line="220" w:lineRule="atLeast"/>
    </w:pPr>
    <w:rPr>
      <w:rFonts w:ascii="Arial" w:eastAsiaTheme="minorHAnsi" w:hAnsi="Arial" w:cs="Arial"/>
      <w:sz w:val="16"/>
      <w:lang w:eastAsia="en-US"/>
    </w:rPr>
  </w:style>
  <w:style w:type="paragraph" w:customStyle="1" w:styleId="17CF45D3897C49F0A17B3DC45E35583D1">
    <w:name w:val="17CF45D3897C49F0A17B3DC45E35583D1"/>
    <w:rsid w:val="00584939"/>
    <w:pPr>
      <w:spacing w:after="0" w:line="220" w:lineRule="atLeast"/>
    </w:pPr>
    <w:rPr>
      <w:rFonts w:ascii="Arial" w:eastAsiaTheme="minorHAnsi" w:hAnsi="Arial" w:cs="Arial"/>
      <w:sz w:val="16"/>
      <w:lang w:eastAsia="en-US"/>
    </w:rPr>
  </w:style>
  <w:style w:type="paragraph" w:customStyle="1" w:styleId="6394FA83854B4CA680011D56D5DF1E0E1">
    <w:name w:val="6394FA83854B4CA680011D56D5DF1E0E1"/>
    <w:rsid w:val="00584939"/>
    <w:pPr>
      <w:spacing w:after="0" w:line="220" w:lineRule="atLeast"/>
    </w:pPr>
    <w:rPr>
      <w:rFonts w:ascii="Arial" w:eastAsiaTheme="minorHAnsi" w:hAnsi="Arial" w:cs="Arial"/>
      <w:sz w:val="16"/>
      <w:lang w:eastAsia="en-US"/>
    </w:rPr>
  </w:style>
  <w:style w:type="paragraph" w:customStyle="1" w:styleId="FC2E88AAEEB54F66B0ACF43E707827A01">
    <w:name w:val="FC2E88AAEEB54F66B0ACF43E707827A01"/>
    <w:rsid w:val="00584939"/>
    <w:pPr>
      <w:spacing w:after="0" w:line="220" w:lineRule="atLeast"/>
    </w:pPr>
    <w:rPr>
      <w:rFonts w:ascii="Arial" w:eastAsiaTheme="minorHAnsi" w:hAnsi="Arial" w:cs="Arial"/>
      <w:sz w:val="16"/>
      <w:lang w:eastAsia="en-US"/>
    </w:rPr>
  </w:style>
  <w:style w:type="paragraph" w:customStyle="1" w:styleId="FEAAC4FDCC9B424EA5C848D727F938791">
    <w:name w:val="FEAAC4FDCC9B424EA5C848D727F938791"/>
    <w:rsid w:val="00584939"/>
    <w:pPr>
      <w:spacing w:after="0" w:line="220" w:lineRule="atLeast"/>
    </w:pPr>
    <w:rPr>
      <w:rFonts w:ascii="Arial" w:eastAsiaTheme="minorHAnsi" w:hAnsi="Arial" w:cs="Arial"/>
      <w:sz w:val="16"/>
      <w:lang w:eastAsia="en-US"/>
    </w:rPr>
  </w:style>
  <w:style w:type="paragraph" w:customStyle="1" w:styleId="DB8FAB583C604733AA3F3B7E402E2A5D1">
    <w:name w:val="DB8FAB583C604733AA3F3B7E402E2A5D1"/>
    <w:rsid w:val="00584939"/>
    <w:pPr>
      <w:spacing w:after="0" w:line="220" w:lineRule="atLeast"/>
    </w:pPr>
    <w:rPr>
      <w:rFonts w:ascii="Arial" w:eastAsiaTheme="minorHAnsi" w:hAnsi="Arial" w:cs="Arial"/>
      <w:sz w:val="16"/>
      <w:lang w:eastAsia="en-US"/>
    </w:rPr>
  </w:style>
  <w:style w:type="paragraph" w:customStyle="1" w:styleId="EDB657047528490082D2389E67919C771">
    <w:name w:val="EDB657047528490082D2389E67919C771"/>
    <w:rsid w:val="00584939"/>
    <w:pPr>
      <w:spacing w:after="0" w:line="220" w:lineRule="atLeast"/>
    </w:pPr>
    <w:rPr>
      <w:rFonts w:ascii="Arial" w:eastAsiaTheme="minorHAnsi" w:hAnsi="Arial" w:cs="Arial"/>
      <w:sz w:val="16"/>
      <w:lang w:eastAsia="en-US"/>
    </w:rPr>
  </w:style>
  <w:style w:type="paragraph" w:customStyle="1" w:styleId="ECA75C7E0619453A99A9B601145A044E1">
    <w:name w:val="ECA75C7E0619453A99A9B601145A044E1"/>
    <w:rsid w:val="00584939"/>
    <w:pPr>
      <w:spacing w:after="0" w:line="260" w:lineRule="atLeast"/>
    </w:pPr>
    <w:rPr>
      <w:rFonts w:ascii="Times New Roman" w:eastAsiaTheme="minorHAnsi" w:hAnsi="Times New Roman" w:cs="Times New Roman"/>
      <w:lang w:eastAsia="en-US"/>
    </w:rPr>
  </w:style>
  <w:style w:type="paragraph" w:customStyle="1" w:styleId="79F5003B480745148ABCE8A364CFA9FE1">
    <w:name w:val="79F5003B480745148ABCE8A364CFA9FE1"/>
    <w:rsid w:val="00584939"/>
    <w:pPr>
      <w:spacing w:after="0" w:line="260" w:lineRule="atLeast"/>
    </w:pPr>
    <w:rPr>
      <w:rFonts w:ascii="Times New Roman" w:eastAsiaTheme="minorHAnsi" w:hAnsi="Times New Roman" w:cs="Times New Roman"/>
      <w:lang w:eastAsia="en-US"/>
    </w:rPr>
  </w:style>
  <w:style w:type="paragraph" w:customStyle="1" w:styleId="DA4222301A854668B6026F20F53D5F1D1">
    <w:name w:val="DA4222301A854668B6026F20F53D5F1D1"/>
    <w:rsid w:val="00584939"/>
    <w:pPr>
      <w:spacing w:after="0" w:line="260" w:lineRule="atLeast"/>
    </w:pPr>
    <w:rPr>
      <w:rFonts w:ascii="Times New Roman" w:eastAsiaTheme="minorHAnsi" w:hAnsi="Times New Roman" w:cs="Times New Roman"/>
      <w:lang w:eastAsia="en-US"/>
    </w:rPr>
  </w:style>
  <w:style w:type="paragraph" w:customStyle="1" w:styleId="6E28139C495D4246BE96B0C78D04CC351">
    <w:name w:val="6E28139C495D4246BE96B0C78D04CC351"/>
    <w:rsid w:val="00584939"/>
    <w:pPr>
      <w:spacing w:after="0" w:line="260" w:lineRule="atLeast"/>
    </w:pPr>
    <w:rPr>
      <w:rFonts w:ascii="Times New Roman" w:eastAsiaTheme="minorHAnsi" w:hAnsi="Times New Roman" w:cs="Times New Roman"/>
      <w:lang w:eastAsia="en-US"/>
    </w:rPr>
  </w:style>
  <w:style w:type="paragraph" w:customStyle="1" w:styleId="1D292D221CAC46B8BF8389F46E226E141">
    <w:name w:val="1D292D221CAC46B8BF8389F46E226E141"/>
    <w:rsid w:val="00584939"/>
    <w:pPr>
      <w:spacing w:after="0" w:line="260" w:lineRule="atLeast"/>
    </w:pPr>
    <w:rPr>
      <w:rFonts w:ascii="Times New Roman" w:eastAsiaTheme="minorHAnsi" w:hAnsi="Times New Roman" w:cs="Times New Roman"/>
      <w:lang w:eastAsia="en-US"/>
    </w:rPr>
  </w:style>
  <w:style w:type="paragraph" w:customStyle="1" w:styleId="9E531D85C9EA482C8CC38D4B9FA9202E1">
    <w:name w:val="9E531D85C9EA482C8CC38D4B9FA9202E1"/>
    <w:rsid w:val="00584939"/>
    <w:pPr>
      <w:spacing w:after="0" w:line="260" w:lineRule="atLeast"/>
    </w:pPr>
    <w:rPr>
      <w:rFonts w:ascii="Times New Roman" w:eastAsiaTheme="minorHAnsi" w:hAnsi="Times New Roman" w:cs="Times New Roman"/>
      <w:lang w:eastAsia="en-US"/>
    </w:rPr>
  </w:style>
  <w:style w:type="paragraph" w:customStyle="1" w:styleId="4D9FDF87613947C78EC459212E3919261">
    <w:name w:val="4D9FDF87613947C78EC459212E3919261"/>
    <w:rsid w:val="00584939"/>
    <w:pPr>
      <w:spacing w:after="0" w:line="260" w:lineRule="atLeast"/>
    </w:pPr>
    <w:rPr>
      <w:rFonts w:ascii="Times New Roman" w:eastAsiaTheme="minorHAnsi" w:hAnsi="Times New Roman" w:cs="Times New Roman"/>
      <w:b/>
      <w:lang w:eastAsia="en-US"/>
    </w:rPr>
  </w:style>
  <w:style w:type="paragraph" w:customStyle="1" w:styleId="84B1DBD89ADC45639D7471298F0B16431">
    <w:name w:val="84B1DBD89ADC45639D7471298F0B16431"/>
    <w:rsid w:val="00584939"/>
    <w:pPr>
      <w:spacing w:after="0" w:line="160" w:lineRule="atLeast"/>
      <w:jc w:val="both"/>
    </w:pPr>
    <w:rPr>
      <w:rFonts w:ascii="Arial" w:eastAsiaTheme="minorHAnsi" w:hAnsi="Arial" w:cs="Arial"/>
      <w:sz w:val="12"/>
      <w:lang w:eastAsia="en-US"/>
    </w:rPr>
  </w:style>
  <w:style w:type="paragraph" w:customStyle="1" w:styleId="6BCA5B42AAF141A6B883818808F7E38F1">
    <w:name w:val="6BCA5B42AAF141A6B883818808F7E38F1"/>
    <w:rsid w:val="00584939"/>
    <w:pPr>
      <w:spacing w:after="0" w:line="160" w:lineRule="atLeast"/>
      <w:jc w:val="both"/>
    </w:pPr>
    <w:rPr>
      <w:rFonts w:ascii="Arial" w:eastAsiaTheme="minorHAnsi" w:hAnsi="Arial" w:cs="Arial"/>
      <w:sz w:val="12"/>
      <w:lang w:eastAsia="en-US"/>
    </w:rPr>
  </w:style>
  <w:style w:type="paragraph" w:customStyle="1" w:styleId="36A515937CE34571B569DF93F57D819F1">
    <w:name w:val="36A515937CE34571B569DF93F57D819F1"/>
    <w:rsid w:val="00584939"/>
    <w:pPr>
      <w:spacing w:after="0" w:line="160" w:lineRule="atLeast"/>
      <w:jc w:val="both"/>
    </w:pPr>
    <w:rPr>
      <w:rFonts w:ascii="Arial" w:eastAsiaTheme="minorHAnsi" w:hAnsi="Arial" w:cs="Arial"/>
      <w:sz w:val="12"/>
      <w:lang w:eastAsia="en-US"/>
    </w:rPr>
  </w:style>
  <w:style w:type="paragraph" w:customStyle="1" w:styleId="2F21205B5E9848E3BAE9C23BBFF7B7CE1">
    <w:name w:val="2F21205B5E9848E3BAE9C23BBFF7B7CE1"/>
    <w:rsid w:val="00584939"/>
    <w:pPr>
      <w:spacing w:after="0" w:line="160" w:lineRule="atLeast"/>
      <w:jc w:val="both"/>
    </w:pPr>
    <w:rPr>
      <w:rFonts w:ascii="Arial" w:eastAsiaTheme="minorHAnsi" w:hAnsi="Arial" w:cs="Arial"/>
      <w:sz w:val="12"/>
      <w:lang w:eastAsia="en-US"/>
    </w:rPr>
  </w:style>
  <w:style w:type="paragraph" w:customStyle="1" w:styleId="55E765E2670843FBB1BA6327DBBE30041">
    <w:name w:val="55E765E2670843FBB1BA6327DBBE30041"/>
    <w:rsid w:val="00584939"/>
    <w:pPr>
      <w:spacing w:after="0" w:line="160" w:lineRule="atLeast"/>
      <w:jc w:val="both"/>
    </w:pPr>
    <w:rPr>
      <w:rFonts w:ascii="Arial" w:eastAsiaTheme="minorHAnsi" w:hAnsi="Arial" w:cs="Arial"/>
      <w:sz w:val="12"/>
      <w:lang w:eastAsia="en-US"/>
    </w:rPr>
  </w:style>
  <w:style w:type="paragraph" w:customStyle="1" w:styleId="B3DE9EC2A9C644CBA0EA08E35C2BDE721">
    <w:name w:val="B3DE9EC2A9C644CBA0EA08E35C2BDE721"/>
    <w:rsid w:val="00584939"/>
    <w:pPr>
      <w:spacing w:after="0" w:line="160" w:lineRule="atLeast"/>
      <w:jc w:val="both"/>
    </w:pPr>
    <w:rPr>
      <w:rFonts w:ascii="Arial" w:eastAsiaTheme="minorHAnsi" w:hAnsi="Arial" w:cs="Arial"/>
      <w:sz w:val="12"/>
      <w:lang w:eastAsia="en-US"/>
    </w:rPr>
  </w:style>
  <w:style w:type="paragraph" w:customStyle="1" w:styleId="84B1DBD89ADC45639D7471298F0B16432">
    <w:name w:val="84B1DBD89ADC45639D7471298F0B16432"/>
    <w:rsid w:val="00886D27"/>
    <w:pPr>
      <w:spacing w:after="0" w:line="160" w:lineRule="atLeast"/>
      <w:jc w:val="both"/>
    </w:pPr>
    <w:rPr>
      <w:rFonts w:ascii="Arial" w:eastAsiaTheme="minorHAnsi" w:hAnsi="Arial" w:cs="Arial"/>
      <w:sz w:val="12"/>
      <w:lang w:eastAsia="en-US"/>
    </w:rPr>
  </w:style>
  <w:style w:type="paragraph" w:customStyle="1" w:styleId="6BCA5B42AAF141A6B883818808F7E38F2">
    <w:name w:val="6BCA5B42AAF141A6B883818808F7E38F2"/>
    <w:rsid w:val="00886D27"/>
    <w:pPr>
      <w:spacing w:after="0" w:line="160" w:lineRule="atLeast"/>
      <w:jc w:val="both"/>
    </w:pPr>
    <w:rPr>
      <w:rFonts w:ascii="Arial" w:eastAsiaTheme="minorHAnsi" w:hAnsi="Arial" w:cs="Arial"/>
      <w:sz w:val="12"/>
      <w:lang w:eastAsia="en-US"/>
    </w:rPr>
  </w:style>
  <w:style w:type="paragraph" w:customStyle="1" w:styleId="36A515937CE34571B569DF93F57D819F2">
    <w:name w:val="36A515937CE34571B569DF93F57D819F2"/>
    <w:rsid w:val="00886D27"/>
    <w:pPr>
      <w:spacing w:after="0" w:line="160" w:lineRule="atLeast"/>
      <w:jc w:val="both"/>
    </w:pPr>
    <w:rPr>
      <w:rFonts w:ascii="Arial" w:eastAsiaTheme="minorHAnsi" w:hAnsi="Arial" w:cs="Arial"/>
      <w:sz w:val="12"/>
      <w:lang w:eastAsia="en-US"/>
    </w:rPr>
  </w:style>
  <w:style w:type="paragraph" w:customStyle="1" w:styleId="2F21205B5E9848E3BAE9C23BBFF7B7CE2">
    <w:name w:val="2F21205B5E9848E3BAE9C23BBFF7B7CE2"/>
    <w:rsid w:val="00886D27"/>
    <w:pPr>
      <w:spacing w:after="0" w:line="160" w:lineRule="atLeast"/>
      <w:jc w:val="both"/>
    </w:pPr>
    <w:rPr>
      <w:rFonts w:ascii="Arial" w:eastAsiaTheme="minorHAnsi" w:hAnsi="Arial" w:cs="Arial"/>
      <w:sz w:val="12"/>
      <w:lang w:eastAsia="en-US"/>
    </w:rPr>
  </w:style>
  <w:style w:type="paragraph" w:customStyle="1" w:styleId="55E765E2670843FBB1BA6327DBBE30042">
    <w:name w:val="55E765E2670843FBB1BA6327DBBE30042"/>
    <w:rsid w:val="00886D27"/>
    <w:pPr>
      <w:spacing w:after="0" w:line="160" w:lineRule="atLeast"/>
      <w:jc w:val="both"/>
    </w:pPr>
    <w:rPr>
      <w:rFonts w:ascii="Arial" w:eastAsiaTheme="minorHAnsi" w:hAnsi="Arial" w:cs="Arial"/>
      <w:sz w:val="12"/>
      <w:lang w:eastAsia="en-US"/>
    </w:rPr>
  </w:style>
  <w:style w:type="paragraph" w:customStyle="1" w:styleId="B3DE9EC2A9C644CBA0EA08E35C2BDE722">
    <w:name w:val="B3DE9EC2A9C644CBA0EA08E35C2BDE722"/>
    <w:rsid w:val="00886D27"/>
    <w:pPr>
      <w:spacing w:after="0" w:line="160" w:lineRule="atLeast"/>
      <w:jc w:val="both"/>
    </w:pPr>
    <w:rPr>
      <w:rFonts w:ascii="Arial" w:eastAsiaTheme="minorHAnsi" w:hAnsi="Arial" w:cs="Arial"/>
      <w:sz w:val="12"/>
      <w:lang w:eastAsia="en-US"/>
    </w:rPr>
  </w:style>
  <w:style w:type="paragraph" w:customStyle="1" w:styleId="84B1DBD89ADC45639D7471298F0B16433">
    <w:name w:val="84B1DBD89ADC45639D7471298F0B16433"/>
    <w:rsid w:val="00FC724D"/>
    <w:pPr>
      <w:spacing w:after="0" w:line="160" w:lineRule="atLeast"/>
      <w:jc w:val="both"/>
    </w:pPr>
    <w:rPr>
      <w:rFonts w:ascii="Arial" w:eastAsiaTheme="minorHAnsi" w:hAnsi="Arial" w:cs="Arial"/>
      <w:sz w:val="12"/>
      <w:lang w:eastAsia="en-US"/>
    </w:rPr>
  </w:style>
  <w:style w:type="paragraph" w:customStyle="1" w:styleId="6BCA5B42AAF141A6B883818808F7E38F3">
    <w:name w:val="6BCA5B42AAF141A6B883818808F7E38F3"/>
    <w:rsid w:val="00FC724D"/>
    <w:pPr>
      <w:spacing w:after="0" w:line="160" w:lineRule="atLeast"/>
      <w:jc w:val="both"/>
    </w:pPr>
    <w:rPr>
      <w:rFonts w:ascii="Arial" w:eastAsiaTheme="minorHAnsi" w:hAnsi="Arial" w:cs="Arial"/>
      <w:sz w:val="12"/>
      <w:lang w:eastAsia="en-US"/>
    </w:rPr>
  </w:style>
  <w:style w:type="paragraph" w:customStyle="1" w:styleId="36A515937CE34571B569DF93F57D819F3">
    <w:name w:val="36A515937CE34571B569DF93F57D819F3"/>
    <w:rsid w:val="00FC724D"/>
    <w:pPr>
      <w:spacing w:after="0" w:line="160" w:lineRule="atLeast"/>
      <w:jc w:val="both"/>
    </w:pPr>
    <w:rPr>
      <w:rFonts w:ascii="Arial" w:eastAsiaTheme="minorHAnsi" w:hAnsi="Arial" w:cs="Arial"/>
      <w:sz w:val="12"/>
      <w:lang w:eastAsia="en-US"/>
    </w:rPr>
  </w:style>
  <w:style w:type="paragraph" w:customStyle="1" w:styleId="2F21205B5E9848E3BAE9C23BBFF7B7CE3">
    <w:name w:val="2F21205B5E9848E3BAE9C23BBFF7B7CE3"/>
    <w:rsid w:val="00FC724D"/>
    <w:pPr>
      <w:spacing w:after="0" w:line="160" w:lineRule="atLeast"/>
      <w:jc w:val="both"/>
    </w:pPr>
    <w:rPr>
      <w:rFonts w:ascii="Arial" w:eastAsiaTheme="minorHAnsi" w:hAnsi="Arial" w:cs="Arial"/>
      <w:sz w:val="12"/>
      <w:lang w:eastAsia="en-US"/>
    </w:rPr>
  </w:style>
  <w:style w:type="paragraph" w:customStyle="1" w:styleId="4343279399D248078EE62CBB75102E19">
    <w:name w:val="4343279399D248078EE62CBB75102E19"/>
    <w:rsid w:val="00FC724D"/>
    <w:pPr>
      <w:spacing w:after="0" w:line="160" w:lineRule="atLeast"/>
      <w:jc w:val="both"/>
    </w:pPr>
    <w:rPr>
      <w:rFonts w:ascii="Arial" w:eastAsiaTheme="minorHAnsi" w:hAnsi="Arial" w:cs="Arial"/>
      <w:sz w:val="12"/>
      <w:lang w:eastAsia="en-US"/>
    </w:rPr>
  </w:style>
  <w:style w:type="paragraph" w:customStyle="1" w:styleId="E945D06438634813BEBFAD2B95889F39">
    <w:name w:val="E945D06438634813BEBFAD2B95889F39"/>
    <w:rsid w:val="00FC724D"/>
    <w:pPr>
      <w:spacing w:after="0" w:line="160" w:lineRule="atLeast"/>
      <w:jc w:val="both"/>
    </w:pPr>
    <w:rPr>
      <w:rFonts w:ascii="Arial" w:eastAsiaTheme="minorHAnsi" w:hAnsi="Arial" w:cs="Arial"/>
      <w:sz w:val="12"/>
      <w:lang w:eastAsia="en-US"/>
    </w:rPr>
  </w:style>
  <w:style w:type="paragraph" w:customStyle="1" w:styleId="84B1DBD89ADC45639D7471298F0B16434">
    <w:name w:val="84B1DBD89ADC45639D7471298F0B16434"/>
    <w:rsid w:val="00427CE5"/>
    <w:pPr>
      <w:spacing w:after="0" w:line="160" w:lineRule="atLeast"/>
      <w:jc w:val="both"/>
    </w:pPr>
    <w:rPr>
      <w:rFonts w:ascii="Arial" w:eastAsiaTheme="minorHAnsi" w:hAnsi="Arial" w:cs="Arial"/>
      <w:sz w:val="12"/>
      <w:lang w:eastAsia="en-US"/>
    </w:rPr>
  </w:style>
  <w:style w:type="paragraph" w:customStyle="1" w:styleId="6BCA5B42AAF141A6B883818808F7E38F4">
    <w:name w:val="6BCA5B42AAF141A6B883818808F7E38F4"/>
    <w:rsid w:val="00427CE5"/>
    <w:pPr>
      <w:spacing w:after="0" w:line="160" w:lineRule="atLeast"/>
      <w:jc w:val="both"/>
    </w:pPr>
    <w:rPr>
      <w:rFonts w:ascii="Arial" w:eastAsiaTheme="minorHAnsi" w:hAnsi="Arial" w:cs="Arial"/>
      <w:sz w:val="12"/>
      <w:lang w:eastAsia="en-US"/>
    </w:rPr>
  </w:style>
  <w:style w:type="paragraph" w:customStyle="1" w:styleId="36A515937CE34571B569DF93F57D819F4">
    <w:name w:val="36A515937CE34571B569DF93F57D819F4"/>
    <w:rsid w:val="00427CE5"/>
    <w:pPr>
      <w:spacing w:after="0" w:line="160" w:lineRule="atLeast"/>
      <w:jc w:val="both"/>
    </w:pPr>
    <w:rPr>
      <w:rFonts w:ascii="Arial" w:eastAsiaTheme="minorHAnsi" w:hAnsi="Arial" w:cs="Arial"/>
      <w:sz w:val="12"/>
      <w:lang w:eastAsia="en-US"/>
    </w:rPr>
  </w:style>
  <w:style w:type="paragraph" w:customStyle="1" w:styleId="2F21205B5E9848E3BAE9C23BBFF7B7CE4">
    <w:name w:val="2F21205B5E9848E3BAE9C23BBFF7B7CE4"/>
    <w:rsid w:val="00427CE5"/>
    <w:pPr>
      <w:spacing w:after="0" w:line="160" w:lineRule="atLeast"/>
      <w:jc w:val="both"/>
    </w:pPr>
    <w:rPr>
      <w:rFonts w:ascii="Arial" w:eastAsiaTheme="minorHAnsi" w:hAnsi="Arial" w:cs="Arial"/>
      <w:sz w:val="12"/>
      <w:lang w:eastAsia="en-US"/>
    </w:rPr>
  </w:style>
  <w:style w:type="paragraph" w:customStyle="1" w:styleId="4343279399D248078EE62CBB75102E191">
    <w:name w:val="4343279399D248078EE62CBB75102E191"/>
    <w:rsid w:val="00427CE5"/>
    <w:pPr>
      <w:spacing w:after="0" w:line="160" w:lineRule="atLeast"/>
      <w:jc w:val="both"/>
    </w:pPr>
    <w:rPr>
      <w:rFonts w:ascii="Arial" w:eastAsiaTheme="minorHAnsi" w:hAnsi="Arial" w:cs="Arial"/>
      <w:sz w:val="12"/>
      <w:lang w:eastAsia="en-US"/>
    </w:rPr>
  </w:style>
  <w:style w:type="paragraph" w:customStyle="1" w:styleId="BF60D7BB981147058679AA10B9DE8C68">
    <w:name w:val="BF60D7BB981147058679AA10B9DE8C68"/>
    <w:rsid w:val="00427CE5"/>
    <w:pPr>
      <w:spacing w:after="0" w:line="160" w:lineRule="atLeast"/>
      <w:jc w:val="both"/>
    </w:pPr>
    <w:rPr>
      <w:rFonts w:ascii="Arial" w:eastAsiaTheme="minorHAnsi" w:hAnsi="Arial" w:cs="Arial"/>
      <w:sz w:val="12"/>
      <w:lang w:eastAsia="en-US"/>
    </w:rPr>
  </w:style>
  <w:style w:type="paragraph" w:customStyle="1" w:styleId="84B1DBD89ADC45639D7471298F0B16435">
    <w:name w:val="84B1DBD89ADC45639D7471298F0B16435"/>
    <w:rsid w:val="00E71EE0"/>
    <w:pPr>
      <w:spacing w:after="0" w:line="160" w:lineRule="atLeast"/>
      <w:jc w:val="both"/>
    </w:pPr>
    <w:rPr>
      <w:rFonts w:ascii="Arial" w:eastAsiaTheme="minorHAnsi" w:hAnsi="Arial" w:cs="Arial"/>
      <w:sz w:val="12"/>
      <w:lang w:eastAsia="en-US"/>
    </w:rPr>
  </w:style>
  <w:style w:type="paragraph" w:customStyle="1" w:styleId="6BCA5B42AAF141A6B883818808F7E38F5">
    <w:name w:val="6BCA5B42AAF141A6B883818808F7E38F5"/>
    <w:rsid w:val="00E71EE0"/>
    <w:pPr>
      <w:spacing w:after="0" w:line="160" w:lineRule="atLeast"/>
      <w:jc w:val="both"/>
    </w:pPr>
    <w:rPr>
      <w:rFonts w:ascii="Arial" w:eastAsiaTheme="minorHAnsi" w:hAnsi="Arial" w:cs="Arial"/>
      <w:sz w:val="12"/>
      <w:lang w:eastAsia="en-US"/>
    </w:rPr>
  </w:style>
  <w:style w:type="paragraph" w:customStyle="1" w:styleId="36A515937CE34571B569DF93F57D819F5">
    <w:name w:val="36A515937CE34571B569DF93F57D819F5"/>
    <w:rsid w:val="00E71EE0"/>
    <w:pPr>
      <w:spacing w:after="0" w:line="160" w:lineRule="atLeast"/>
      <w:jc w:val="both"/>
    </w:pPr>
    <w:rPr>
      <w:rFonts w:ascii="Arial" w:eastAsiaTheme="minorHAnsi" w:hAnsi="Arial" w:cs="Arial"/>
      <w:sz w:val="12"/>
      <w:lang w:eastAsia="en-US"/>
    </w:rPr>
  </w:style>
  <w:style w:type="paragraph" w:customStyle="1" w:styleId="2F21205B5E9848E3BAE9C23BBFF7B7CE5">
    <w:name w:val="2F21205B5E9848E3BAE9C23BBFF7B7CE5"/>
    <w:rsid w:val="00E71EE0"/>
    <w:pPr>
      <w:spacing w:after="0" w:line="160" w:lineRule="atLeast"/>
      <w:jc w:val="both"/>
    </w:pPr>
    <w:rPr>
      <w:rFonts w:ascii="Arial" w:eastAsiaTheme="minorHAnsi" w:hAnsi="Arial" w:cs="Arial"/>
      <w:sz w:val="12"/>
      <w:lang w:eastAsia="en-US"/>
    </w:rPr>
  </w:style>
  <w:style w:type="paragraph" w:customStyle="1" w:styleId="4343279399D248078EE62CBB75102E192">
    <w:name w:val="4343279399D248078EE62CBB75102E192"/>
    <w:rsid w:val="00E71EE0"/>
    <w:pPr>
      <w:spacing w:after="0" w:line="160" w:lineRule="atLeast"/>
      <w:jc w:val="both"/>
    </w:pPr>
    <w:rPr>
      <w:rFonts w:ascii="Arial" w:eastAsiaTheme="minorHAnsi" w:hAnsi="Arial" w:cs="Arial"/>
      <w:sz w:val="12"/>
      <w:lang w:eastAsia="en-US"/>
    </w:rPr>
  </w:style>
  <w:style w:type="paragraph" w:customStyle="1" w:styleId="FE5E1E3752FB43A9903D7D7C7C81063D">
    <w:name w:val="FE5E1E3752FB43A9903D7D7C7C81063D"/>
    <w:rsid w:val="00E71EE0"/>
    <w:pPr>
      <w:spacing w:after="0" w:line="160" w:lineRule="atLeast"/>
      <w:jc w:val="both"/>
    </w:pPr>
    <w:rPr>
      <w:rFonts w:ascii="Arial" w:eastAsiaTheme="minorHAnsi" w:hAnsi="Arial" w:cs="Arial"/>
      <w:sz w:val="12"/>
      <w:lang w:eastAsia="en-US"/>
    </w:rPr>
  </w:style>
  <w:style w:type="paragraph" w:customStyle="1" w:styleId="84B1DBD89ADC45639D7471298F0B16436">
    <w:name w:val="84B1DBD89ADC45639D7471298F0B16436"/>
    <w:rsid w:val="00E71EE0"/>
    <w:pPr>
      <w:spacing w:after="0" w:line="160" w:lineRule="atLeast"/>
      <w:jc w:val="both"/>
    </w:pPr>
    <w:rPr>
      <w:rFonts w:ascii="Arial" w:eastAsiaTheme="minorHAnsi" w:hAnsi="Arial" w:cs="Arial"/>
      <w:sz w:val="12"/>
      <w:lang w:eastAsia="en-US"/>
    </w:rPr>
  </w:style>
  <w:style w:type="paragraph" w:customStyle="1" w:styleId="6BCA5B42AAF141A6B883818808F7E38F6">
    <w:name w:val="6BCA5B42AAF141A6B883818808F7E38F6"/>
    <w:rsid w:val="00E71EE0"/>
    <w:pPr>
      <w:spacing w:after="0" w:line="160" w:lineRule="atLeast"/>
      <w:jc w:val="both"/>
    </w:pPr>
    <w:rPr>
      <w:rFonts w:ascii="Arial" w:eastAsiaTheme="minorHAnsi" w:hAnsi="Arial" w:cs="Arial"/>
      <w:sz w:val="12"/>
      <w:lang w:eastAsia="en-US"/>
    </w:rPr>
  </w:style>
  <w:style w:type="paragraph" w:customStyle="1" w:styleId="36A515937CE34571B569DF93F57D819F6">
    <w:name w:val="36A515937CE34571B569DF93F57D819F6"/>
    <w:rsid w:val="00E71EE0"/>
    <w:pPr>
      <w:spacing w:after="0" w:line="160" w:lineRule="atLeast"/>
      <w:jc w:val="both"/>
    </w:pPr>
    <w:rPr>
      <w:rFonts w:ascii="Arial" w:eastAsiaTheme="minorHAnsi" w:hAnsi="Arial" w:cs="Arial"/>
      <w:sz w:val="12"/>
      <w:lang w:eastAsia="en-US"/>
    </w:rPr>
  </w:style>
  <w:style w:type="paragraph" w:customStyle="1" w:styleId="2F21205B5E9848E3BAE9C23BBFF7B7CE6">
    <w:name w:val="2F21205B5E9848E3BAE9C23BBFF7B7CE6"/>
    <w:rsid w:val="00E71EE0"/>
    <w:pPr>
      <w:spacing w:after="0" w:line="160" w:lineRule="atLeast"/>
      <w:jc w:val="both"/>
    </w:pPr>
    <w:rPr>
      <w:rFonts w:ascii="Arial" w:eastAsiaTheme="minorHAnsi" w:hAnsi="Arial" w:cs="Arial"/>
      <w:sz w:val="12"/>
      <w:lang w:eastAsia="en-US"/>
    </w:rPr>
  </w:style>
  <w:style w:type="paragraph" w:customStyle="1" w:styleId="4343279399D248078EE62CBB75102E193">
    <w:name w:val="4343279399D248078EE62CBB75102E193"/>
    <w:rsid w:val="00E71EE0"/>
    <w:pPr>
      <w:spacing w:after="0" w:line="160" w:lineRule="atLeast"/>
      <w:jc w:val="both"/>
    </w:pPr>
    <w:rPr>
      <w:rFonts w:ascii="Arial" w:eastAsiaTheme="minorHAnsi" w:hAnsi="Arial" w:cs="Arial"/>
      <w:sz w:val="12"/>
      <w:lang w:eastAsia="en-US"/>
    </w:rPr>
  </w:style>
  <w:style w:type="paragraph" w:customStyle="1" w:styleId="FE5E1E3752FB43A9903D7D7C7C81063D1">
    <w:name w:val="FE5E1E3752FB43A9903D7D7C7C81063D1"/>
    <w:rsid w:val="00E71EE0"/>
    <w:pPr>
      <w:spacing w:after="0" w:line="160" w:lineRule="atLeast"/>
      <w:jc w:val="both"/>
    </w:pPr>
    <w:rPr>
      <w:rFonts w:ascii="Arial" w:eastAsiaTheme="minorHAnsi" w:hAnsi="Arial" w:cs="Arial"/>
      <w:sz w:val="12"/>
      <w:lang w:eastAsia="en-US"/>
    </w:rPr>
  </w:style>
  <w:style w:type="paragraph" w:customStyle="1" w:styleId="84B1DBD89ADC45639D7471298F0B16437">
    <w:name w:val="84B1DBD89ADC45639D7471298F0B16437"/>
    <w:rsid w:val="00FF1974"/>
    <w:pPr>
      <w:spacing w:after="0" w:line="160" w:lineRule="atLeast"/>
      <w:jc w:val="both"/>
    </w:pPr>
    <w:rPr>
      <w:rFonts w:ascii="Arial" w:eastAsiaTheme="minorHAnsi" w:hAnsi="Arial" w:cs="Arial"/>
      <w:sz w:val="12"/>
      <w:lang w:eastAsia="en-US"/>
    </w:rPr>
  </w:style>
  <w:style w:type="paragraph" w:customStyle="1" w:styleId="6BCA5B42AAF141A6B883818808F7E38F7">
    <w:name w:val="6BCA5B42AAF141A6B883818808F7E38F7"/>
    <w:rsid w:val="00FF1974"/>
    <w:pPr>
      <w:spacing w:after="0" w:line="160" w:lineRule="atLeast"/>
      <w:jc w:val="both"/>
    </w:pPr>
    <w:rPr>
      <w:rFonts w:ascii="Arial" w:eastAsiaTheme="minorHAnsi" w:hAnsi="Arial" w:cs="Arial"/>
      <w:sz w:val="12"/>
      <w:lang w:eastAsia="en-US"/>
    </w:rPr>
  </w:style>
  <w:style w:type="paragraph" w:customStyle="1" w:styleId="36A515937CE34571B569DF93F57D819F7">
    <w:name w:val="36A515937CE34571B569DF93F57D819F7"/>
    <w:rsid w:val="00FF1974"/>
    <w:pPr>
      <w:spacing w:after="0" w:line="160" w:lineRule="atLeast"/>
      <w:jc w:val="both"/>
    </w:pPr>
    <w:rPr>
      <w:rFonts w:ascii="Arial" w:eastAsiaTheme="minorHAnsi" w:hAnsi="Arial" w:cs="Arial"/>
      <w:sz w:val="12"/>
      <w:lang w:eastAsia="en-US"/>
    </w:rPr>
  </w:style>
  <w:style w:type="paragraph" w:customStyle="1" w:styleId="2F21205B5E9848E3BAE9C23BBFF7B7CE7">
    <w:name w:val="2F21205B5E9848E3BAE9C23BBFF7B7CE7"/>
    <w:rsid w:val="00FF1974"/>
    <w:pPr>
      <w:spacing w:after="0" w:line="160" w:lineRule="atLeast"/>
      <w:jc w:val="both"/>
    </w:pPr>
    <w:rPr>
      <w:rFonts w:ascii="Arial" w:eastAsiaTheme="minorHAnsi" w:hAnsi="Arial" w:cs="Arial"/>
      <w:sz w:val="12"/>
      <w:lang w:eastAsia="en-US"/>
    </w:rPr>
  </w:style>
  <w:style w:type="paragraph" w:customStyle="1" w:styleId="4343279399D248078EE62CBB75102E194">
    <w:name w:val="4343279399D248078EE62CBB75102E194"/>
    <w:rsid w:val="00FF1974"/>
    <w:pPr>
      <w:spacing w:after="0" w:line="160" w:lineRule="atLeast"/>
      <w:jc w:val="both"/>
    </w:pPr>
    <w:rPr>
      <w:rFonts w:ascii="Arial" w:eastAsiaTheme="minorHAnsi" w:hAnsi="Arial" w:cs="Arial"/>
      <w:sz w:val="12"/>
      <w:lang w:eastAsia="en-US"/>
    </w:rPr>
  </w:style>
  <w:style w:type="paragraph" w:customStyle="1" w:styleId="FE5E1E3752FB43A9903D7D7C7C81063D2">
    <w:name w:val="FE5E1E3752FB43A9903D7D7C7C81063D2"/>
    <w:rsid w:val="00FF1974"/>
    <w:pPr>
      <w:spacing w:after="0" w:line="160" w:lineRule="atLeast"/>
      <w:jc w:val="both"/>
    </w:pPr>
    <w:rPr>
      <w:rFonts w:ascii="Arial" w:eastAsiaTheme="minorHAnsi" w:hAnsi="Arial" w:cs="Arial"/>
      <w:sz w:val="12"/>
      <w:lang w:eastAsia="en-US"/>
    </w:rPr>
  </w:style>
  <w:style w:type="paragraph" w:customStyle="1" w:styleId="84B1DBD89ADC45639D7471298F0B16438">
    <w:name w:val="84B1DBD89ADC45639D7471298F0B16438"/>
    <w:rsid w:val="002C7D5D"/>
    <w:pPr>
      <w:spacing w:after="0" w:line="160" w:lineRule="atLeast"/>
      <w:jc w:val="both"/>
    </w:pPr>
    <w:rPr>
      <w:rFonts w:ascii="Arial" w:eastAsiaTheme="minorHAnsi" w:hAnsi="Arial" w:cs="Arial"/>
      <w:sz w:val="12"/>
      <w:lang w:eastAsia="en-US"/>
    </w:rPr>
  </w:style>
  <w:style w:type="paragraph" w:customStyle="1" w:styleId="6BCA5B42AAF141A6B883818808F7E38F8">
    <w:name w:val="6BCA5B42AAF141A6B883818808F7E38F8"/>
    <w:rsid w:val="002C7D5D"/>
    <w:pPr>
      <w:spacing w:after="0" w:line="160" w:lineRule="atLeast"/>
      <w:jc w:val="both"/>
    </w:pPr>
    <w:rPr>
      <w:rFonts w:ascii="Arial" w:eastAsiaTheme="minorHAnsi" w:hAnsi="Arial" w:cs="Arial"/>
      <w:sz w:val="12"/>
      <w:lang w:eastAsia="en-US"/>
    </w:rPr>
  </w:style>
  <w:style w:type="paragraph" w:customStyle="1" w:styleId="36A515937CE34571B569DF93F57D819F8">
    <w:name w:val="36A515937CE34571B569DF93F57D819F8"/>
    <w:rsid w:val="002C7D5D"/>
    <w:pPr>
      <w:spacing w:after="0" w:line="160" w:lineRule="atLeast"/>
      <w:jc w:val="both"/>
    </w:pPr>
    <w:rPr>
      <w:rFonts w:ascii="Arial" w:eastAsiaTheme="minorHAnsi" w:hAnsi="Arial" w:cs="Arial"/>
      <w:sz w:val="12"/>
      <w:lang w:eastAsia="en-US"/>
    </w:rPr>
  </w:style>
  <w:style w:type="paragraph" w:customStyle="1" w:styleId="2F21205B5E9848E3BAE9C23BBFF7B7CE8">
    <w:name w:val="2F21205B5E9848E3BAE9C23BBFF7B7CE8"/>
    <w:rsid w:val="002C7D5D"/>
    <w:pPr>
      <w:spacing w:after="0" w:line="160" w:lineRule="atLeast"/>
      <w:jc w:val="both"/>
    </w:pPr>
    <w:rPr>
      <w:rFonts w:ascii="Arial" w:eastAsiaTheme="minorHAnsi" w:hAnsi="Arial" w:cs="Arial"/>
      <w:sz w:val="12"/>
      <w:lang w:eastAsia="en-US"/>
    </w:rPr>
  </w:style>
  <w:style w:type="paragraph" w:customStyle="1" w:styleId="4343279399D248078EE62CBB75102E195">
    <w:name w:val="4343279399D248078EE62CBB75102E195"/>
    <w:rsid w:val="002C7D5D"/>
    <w:pPr>
      <w:spacing w:after="0" w:line="160" w:lineRule="atLeast"/>
      <w:jc w:val="both"/>
    </w:pPr>
    <w:rPr>
      <w:rFonts w:ascii="Arial" w:eastAsiaTheme="minorHAnsi" w:hAnsi="Arial" w:cs="Arial"/>
      <w:sz w:val="12"/>
      <w:lang w:eastAsia="en-US"/>
    </w:rPr>
  </w:style>
  <w:style w:type="paragraph" w:customStyle="1" w:styleId="FE5E1E3752FB43A9903D7D7C7C81063D3">
    <w:name w:val="FE5E1E3752FB43A9903D7D7C7C81063D3"/>
    <w:rsid w:val="002C7D5D"/>
    <w:pPr>
      <w:spacing w:after="0" w:line="160" w:lineRule="atLeast"/>
      <w:jc w:val="both"/>
    </w:pPr>
    <w:rPr>
      <w:rFonts w:ascii="Arial" w:eastAsiaTheme="minorHAnsi" w:hAnsi="Arial" w:cs="Arial"/>
      <w:sz w:val="12"/>
      <w:lang w:eastAsia="en-US"/>
    </w:rPr>
  </w:style>
  <w:style w:type="paragraph" w:customStyle="1" w:styleId="84B1DBD89ADC45639D7471298F0B16439">
    <w:name w:val="84B1DBD89ADC45639D7471298F0B16439"/>
    <w:rsid w:val="00D44472"/>
    <w:pPr>
      <w:spacing w:after="0" w:line="160" w:lineRule="atLeast"/>
      <w:jc w:val="both"/>
    </w:pPr>
    <w:rPr>
      <w:rFonts w:ascii="Arial" w:eastAsiaTheme="minorHAnsi" w:hAnsi="Arial" w:cs="Arial"/>
      <w:sz w:val="12"/>
      <w:lang w:eastAsia="en-US"/>
    </w:rPr>
  </w:style>
  <w:style w:type="paragraph" w:customStyle="1" w:styleId="6BCA5B42AAF141A6B883818808F7E38F9">
    <w:name w:val="6BCA5B42AAF141A6B883818808F7E38F9"/>
    <w:rsid w:val="00D44472"/>
    <w:pPr>
      <w:spacing w:after="0" w:line="160" w:lineRule="atLeast"/>
      <w:jc w:val="both"/>
    </w:pPr>
    <w:rPr>
      <w:rFonts w:ascii="Arial" w:eastAsiaTheme="minorHAnsi" w:hAnsi="Arial" w:cs="Arial"/>
      <w:sz w:val="12"/>
      <w:lang w:eastAsia="en-US"/>
    </w:rPr>
  </w:style>
  <w:style w:type="paragraph" w:customStyle="1" w:styleId="36A515937CE34571B569DF93F57D819F9">
    <w:name w:val="36A515937CE34571B569DF93F57D819F9"/>
    <w:rsid w:val="00D44472"/>
    <w:pPr>
      <w:spacing w:after="0" w:line="160" w:lineRule="atLeast"/>
      <w:jc w:val="both"/>
    </w:pPr>
    <w:rPr>
      <w:rFonts w:ascii="Arial" w:eastAsiaTheme="minorHAnsi" w:hAnsi="Arial" w:cs="Arial"/>
      <w:sz w:val="12"/>
      <w:lang w:eastAsia="en-US"/>
    </w:rPr>
  </w:style>
  <w:style w:type="paragraph" w:customStyle="1" w:styleId="2F21205B5E9848E3BAE9C23BBFF7B7CE9">
    <w:name w:val="2F21205B5E9848E3BAE9C23BBFF7B7CE9"/>
    <w:rsid w:val="00D44472"/>
    <w:pPr>
      <w:spacing w:after="0" w:line="160" w:lineRule="atLeast"/>
      <w:jc w:val="both"/>
    </w:pPr>
    <w:rPr>
      <w:rFonts w:ascii="Arial" w:eastAsiaTheme="minorHAnsi" w:hAnsi="Arial" w:cs="Arial"/>
      <w:sz w:val="12"/>
      <w:lang w:eastAsia="en-US"/>
    </w:rPr>
  </w:style>
  <w:style w:type="paragraph" w:customStyle="1" w:styleId="4343279399D248078EE62CBB75102E196">
    <w:name w:val="4343279399D248078EE62CBB75102E196"/>
    <w:rsid w:val="00D44472"/>
    <w:pPr>
      <w:spacing w:after="0" w:line="160" w:lineRule="atLeast"/>
      <w:jc w:val="both"/>
    </w:pPr>
    <w:rPr>
      <w:rFonts w:ascii="Arial" w:eastAsiaTheme="minorHAnsi" w:hAnsi="Arial" w:cs="Arial"/>
      <w:sz w:val="12"/>
      <w:lang w:eastAsia="en-US"/>
    </w:rPr>
  </w:style>
  <w:style w:type="paragraph" w:customStyle="1" w:styleId="FE5E1E3752FB43A9903D7D7C7C81063D4">
    <w:name w:val="FE5E1E3752FB43A9903D7D7C7C81063D4"/>
    <w:rsid w:val="00D44472"/>
    <w:pPr>
      <w:spacing w:after="0" w:line="160" w:lineRule="atLeast"/>
      <w:jc w:val="both"/>
    </w:pPr>
    <w:rPr>
      <w:rFonts w:ascii="Arial" w:eastAsiaTheme="minorHAnsi" w:hAnsi="Arial" w:cs="Arial"/>
      <w:sz w:val="12"/>
      <w:lang w:eastAsia="en-US"/>
    </w:rPr>
  </w:style>
  <w:style w:type="paragraph" w:customStyle="1" w:styleId="84B1DBD89ADC45639D7471298F0B164310">
    <w:name w:val="84B1DBD89ADC45639D7471298F0B164310"/>
    <w:rsid w:val="00177B19"/>
    <w:pPr>
      <w:spacing w:after="0" w:line="160" w:lineRule="atLeast"/>
      <w:jc w:val="both"/>
    </w:pPr>
    <w:rPr>
      <w:rFonts w:ascii="Arial" w:eastAsiaTheme="minorHAnsi" w:hAnsi="Arial" w:cs="Arial"/>
      <w:sz w:val="12"/>
      <w:lang w:eastAsia="en-US"/>
    </w:rPr>
  </w:style>
  <w:style w:type="paragraph" w:customStyle="1" w:styleId="6BCA5B42AAF141A6B883818808F7E38F10">
    <w:name w:val="6BCA5B42AAF141A6B883818808F7E38F10"/>
    <w:rsid w:val="00177B19"/>
    <w:pPr>
      <w:spacing w:after="0" w:line="160" w:lineRule="atLeast"/>
      <w:jc w:val="both"/>
    </w:pPr>
    <w:rPr>
      <w:rFonts w:ascii="Arial" w:eastAsiaTheme="minorHAnsi" w:hAnsi="Arial" w:cs="Arial"/>
      <w:sz w:val="12"/>
      <w:lang w:eastAsia="en-US"/>
    </w:rPr>
  </w:style>
  <w:style w:type="paragraph" w:customStyle="1" w:styleId="36A515937CE34571B569DF93F57D819F10">
    <w:name w:val="36A515937CE34571B569DF93F57D819F10"/>
    <w:rsid w:val="00177B19"/>
    <w:pPr>
      <w:spacing w:after="0" w:line="160" w:lineRule="atLeast"/>
      <w:jc w:val="both"/>
    </w:pPr>
    <w:rPr>
      <w:rFonts w:ascii="Arial" w:eastAsiaTheme="minorHAnsi" w:hAnsi="Arial" w:cs="Arial"/>
      <w:sz w:val="12"/>
      <w:lang w:eastAsia="en-US"/>
    </w:rPr>
  </w:style>
  <w:style w:type="paragraph" w:customStyle="1" w:styleId="2F21205B5E9848E3BAE9C23BBFF7B7CE10">
    <w:name w:val="2F21205B5E9848E3BAE9C23BBFF7B7CE10"/>
    <w:rsid w:val="00177B19"/>
    <w:pPr>
      <w:spacing w:after="0" w:line="160" w:lineRule="atLeast"/>
      <w:jc w:val="both"/>
    </w:pPr>
    <w:rPr>
      <w:rFonts w:ascii="Arial" w:eastAsiaTheme="minorHAnsi" w:hAnsi="Arial" w:cs="Arial"/>
      <w:sz w:val="12"/>
      <w:lang w:eastAsia="en-US"/>
    </w:rPr>
  </w:style>
  <w:style w:type="paragraph" w:customStyle="1" w:styleId="4343279399D248078EE62CBB75102E197">
    <w:name w:val="4343279399D248078EE62CBB75102E197"/>
    <w:rsid w:val="00177B19"/>
    <w:pPr>
      <w:spacing w:after="0" w:line="160" w:lineRule="atLeast"/>
      <w:jc w:val="both"/>
    </w:pPr>
    <w:rPr>
      <w:rFonts w:ascii="Arial" w:eastAsiaTheme="minorHAnsi" w:hAnsi="Arial" w:cs="Arial"/>
      <w:sz w:val="12"/>
      <w:lang w:eastAsia="en-US"/>
    </w:rPr>
  </w:style>
  <w:style w:type="paragraph" w:customStyle="1" w:styleId="2A70A138CD0F488CAE84030483D86BDD">
    <w:name w:val="2A70A138CD0F488CAE84030483D86BDD"/>
    <w:rsid w:val="00177B19"/>
    <w:pPr>
      <w:spacing w:after="0" w:line="160" w:lineRule="atLeast"/>
      <w:jc w:val="both"/>
    </w:pPr>
    <w:rPr>
      <w:rFonts w:ascii="Arial" w:eastAsiaTheme="minorHAnsi" w:hAnsi="Arial" w:cs="Arial"/>
      <w:sz w:val="12"/>
      <w:lang w:eastAsia="en-US"/>
    </w:rPr>
  </w:style>
  <w:style w:type="paragraph" w:customStyle="1" w:styleId="84B1DBD89ADC45639D7471298F0B164311">
    <w:name w:val="84B1DBD89ADC45639D7471298F0B164311"/>
    <w:rsid w:val="00CA190C"/>
    <w:pPr>
      <w:spacing w:after="0" w:line="160" w:lineRule="atLeast"/>
      <w:jc w:val="both"/>
    </w:pPr>
    <w:rPr>
      <w:rFonts w:ascii="Arial" w:eastAsiaTheme="minorHAnsi" w:hAnsi="Arial" w:cs="Arial"/>
      <w:sz w:val="12"/>
      <w:lang w:eastAsia="en-US"/>
    </w:rPr>
  </w:style>
  <w:style w:type="paragraph" w:customStyle="1" w:styleId="6BCA5B42AAF141A6B883818808F7E38F11">
    <w:name w:val="6BCA5B42AAF141A6B883818808F7E38F11"/>
    <w:rsid w:val="00CA190C"/>
    <w:pPr>
      <w:spacing w:after="0" w:line="160" w:lineRule="atLeast"/>
      <w:jc w:val="both"/>
    </w:pPr>
    <w:rPr>
      <w:rFonts w:ascii="Arial" w:eastAsiaTheme="minorHAnsi" w:hAnsi="Arial" w:cs="Arial"/>
      <w:sz w:val="12"/>
      <w:lang w:eastAsia="en-US"/>
    </w:rPr>
  </w:style>
  <w:style w:type="paragraph" w:customStyle="1" w:styleId="36A515937CE34571B569DF93F57D819F11">
    <w:name w:val="36A515937CE34571B569DF93F57D819F11"/>
    <w:rsid w:val="00CA190C"/>
    <w:pPr>
      <w:spacing w:after="0" w:line="160" w:lineRule="atLeast"/>
      <w:jc w:val="both"/>
    </w:pPr>
    <w:rPr>
      <w:rFonts w:ascii="Arial" w:eastAsiaTheme="minorHAnsi" w:hAnsi="Arial" w:cs="Arial"/>
      <w:sz w:val="12"/>
      <w:lang w:eastAsia="en-US"/>
    </w:rPr>
  </w:style>
  <w:style w:type="paragraph" w:customStyle="1" w:styleId="2F21205B5E9848E3BAE9C23BBFF7B7CE11">
    <w:name w:val="2F21205B5E9848E3BAE9C23BBFF7B7CE11"/>
    <w:rsid w:val="00CA190C"/>
    <w:pPr>
      <w:spacing w:after="0" w:line="160" w:lineRule="atLeast"/>
      <w:jc w:val="both"/>
    </w:pPr>
    <w:rPr>
      <w:rFonts w:ascii="Arial" w:eastAsiaTheme="minorHAnsi" w:hAnsi="Arial" w:cs="Arial"/>
      <w:sz w:val="12"/>
      <w:lang w:eastAsia="en-US"/>
    </w:rPr>
  </w:style>
  <w:style w:type="paragraph" w:customStyle="1" w:styleId="4343279399D248078EE62CBB75102E198">
    <w:name w:val="4343279399D248078EE62CBB75102E198"/>
    <w:rsid w:val="00CA190C"/>
    <w:pPr>
      <w:spacing w:after="0" w:line="160" w:lineRule="atLeast"/>
      <w:jc w:val="both"/>
    </w:pPr>
    <w:rPr>
      <w:rFonts w:ascii="Arial" w:eastAsiaTheme="minorHAnsi" w:hAnsi="Arial" w:cs="Arial"/>
      <w:sz w:val="12"/>
      <w:lang w:eastAsia="en-US"/>
    </w:rPr>
  </w:style>
  <w:style w:type="paragraph" w:customStyle="1" w:styleId="13329255FF6443DA9E196F4DC92B5833">
    <w:name w:val="13329255FF6443DA9E196F4DC92B5833"/>
    <w:rsid w:val="00CA190C"/>
    <w:pPr>
      <w:spacing w:after="0" w:line="160" w:lineRule="atLeast"/>
      <w:jc w:val="both"/>
    </w:pPr>
    <w:rPr>
      <w:rFonts w:ascii="Arial" w:eastAsiaTheme="minorHAnsi" w:hAnsi="Arial" w:cs="Arial"/>
      <w:sz w:val="12"/>
      <w:lang w:eastAsia="en-US"/>
    </w:rPr>
  </w:style>
  <w:style w:type="paragraph" w:customStyle="1" w:styleId="84B1DBD89ADC45639D7471298F0B164312">
    <w:name w:val="84B1DBD89ADC45639D7471298F0B164312"/>
    <w:rsid w:val="00BC0D10"/>
    <w:pPr>
      <w:spacing w:after="0" w:line="160" w:lineRule="atLeast"/>
      <w:jc w:val="both"/>
    </w:pPr>
    <w:rPr>
      <w:rFonts w:ascii="Arial" w:eastAsiaTheme="minorHAnsi" w:hAnsi="Arial" w:cs="Arial"/>
      <w:sz w:val="12"/>
      <w:lang w:eastAsia="en-US"/>
    </w:rPr>
  </w:style>
  <w:style w:type="paragraph" w:customStyle="1" w:styleId="6BCA5B42AAF141A6B883818808F7E38F12">
    <w:name w:val="6BCA5B42AAF141A6B883818808F7E38F12"/>
    <w:rsid w:val="00BC0D10"/>
    <w:pPr>
      <w:spacing w:after="0" w:line="160" w:lineRule="atLeast"/>
      <w:jc w:val="both"/>
    </w:pPr>
    <w:rPr>
      <w:rFonts w:ascii="Arial" w:eastAsiaTheme="minorHAnsi" w:hAnsi="Arial" w:cs="Arial"/>
      <w:sz w:val="12"/>
      <w:lang w:eastAsia="en-US"/>
    </w:rPr>
  </w:style>
  <w:style w:type="paragraph" w:customStyle="1" w:styleId="36A515937CE34571B569DF93F57D819F12">
    <w:name w:val="36A515937CE34571B569DF93F57D819F12"/>
    <w:rsid w:val="00BC0D10"/>
    <w:pPr>
      <w:spacing w:after="0" w:line="160" w:lineRule="atLeast"/>
      <w:jc w:val="both"/>
    </w:pPr>
    <w:rPr>
      <w:rFonts w:ascii="Arial" w:eastAsiaTheme="minorHAnsi" w:hAnsi="Arial" w:cs="Arial"/>
      <w:sz w:val="12"/>
      <w:lang w:eastAsia="en-US"/>
    </w:rPr>
  </w:style>
  <w:style w:type="paragraph" w:customStyle="1" w:styleId="2F21205B5E9848E3BAE9C23BBFF7B7CE12">
    <w:name w:val="2F21205B5E9848E3BAE9C23BBFF7B7CE12"/>
    <w:rsid w:val="00BC0D10"/>
    <w:pPr>
      <w:spacing w:after="0" w:line="160" w:lineRule="atLeast"/>
      <w:jc w:val="both"/>
    </w:pPr>
    <w:rPr>
      <w:rFonts w:ascii="Arial" w:eastAsiaTheme="minorHAnsi" w:hAnsi="Arial" w:cs="Arial"/>
      <w:sz w:val="12"/>
      <w:lang w:eastAsia="en-US"/>
    </w:rPr>
  </w:style>
  <w:style w:type="paragraph" w:customStyle="1" w:styleId="4343279399D248078EE62CBB75102E199">
    <w:name w:val="4343279399D248078EE62CBB75102E199"/>
    <w:rsid w:val="00BC0D10"/>
    <w:pPr>
      <w:spacing w:after="0" w:line="160" w:lineRule="atLeast"/>
      <w:jc w:val="both"/>
    </w:pPr>
    <w:rPr>
      <w:rFonts w:ascii="Arial" w:eastAsiaTheme="minorHAnsi" w:hAnsi="Arial" w:cs="Arial"/>
      <w:sz w:val="12"/>
      <w:lang w:eastAsia="en-US"/>
    </w:rPr>
  </w:style>
  <w:style w:type="paragraph" w:customStyle="1" w:styleId="13329255FF6443DA9E196F4DC92B58331">
    <w:name w:val="13329255FF6443DA9E196F4DC92B58331"/>
    <w:rsid w:val="00BC0D10"/>
    <w:pPr>
      <w:spacing w:after="0" w:line="160" w:lineRule="atLeast"/>
      <w:jc w:val="both"/>
    </w:pPr>
    <w:rPr>
      <w:rFonts w:ascii="Arial" w:eastAsiaTheme="minorHAnsi" w:hAnsi="Arial" w:cs="Arial"/>
      <w:sz w:val="12"/>
      <w:lang w:eastAsia="en-US"/>
    </w:rPr>
  </w:style>
  <w:style w:type="paragraph" w:customStyle="1" w:styleId="84B1DBD89ADC45639D7471298F0B164313">
    <w:name w:val="84B1DBD89ADC45639D7471298F0B164313"/>
    <w:rsid w:val="007C1566"/>
    <w:pPr>
      <w:spacing w:after="0" w:line="160" w:lineRule="atLeast"/>
      <w:jc w:val="both"/>
    </w:pPr>
    <w:rPr>
      <w:rFonts w:ascii="Arial" w:eastAsiaTheme="minorHAnsi" w:hAnsi="Arial" w:cs="Arial"/>
      <w:sz w:val="12"/>
      <w:lang w:eastAsia="en-US"/>
    </w:rPr>
  </w:style>
  <w:style w:type="paragraph" w:customStyle="1" w:styleId="6BCA5B42AAF141A6B883818808F7E38F13">
    <w:name w:val="6BCA5B42AAF141A6B883818808F7E38F13"/>
    <w:rsid w:val="007C1566"/>
    <w:pPr>
      <w:spacing w:after="0" w:line="160" w:lineRule="atLeast"/>
      <w:jc w:val="both"/>
    </w:pPr>
    <w:rPr>
      <w:rFonts w:ascii="Arial" w:eastAsiaTheme="minorHAnsi" w:hAnsi="Arial" w:cs="Arial"/>
      <w:sz w:val="12"/>
      <w:lang w:eastAsia="en-US"/>
    </w:rPr>
  </w:style>
  <w:style w:type="paragraph" w:customStyle="1" w:styleId="36A515937CE34571B569DF93F57D819F13">
    <w:name w:val="36A515937CE34571B569DF93F57D819F13"/>
    <w:rsid w:val="007C1566"/>
    <w:pPr>
      <w:spacing w:after="0" w:line="160" w:lineRule="atLeast"/>
      <w:jc w:val="both"/>
    </w:pPr>
    <w:rPr>
      <w:rFonts w:ascii="Arial" w:eastAsiaTheme="minorHAnsi" w:hAnsi="Arial" w:cs="Arial"/>
      <w:sz w:val="12"/>
      <w:lang w:eastAsia="en-US"/>
    </w:rPr>
  </w:style>
  <w:style w:type="paragraph" w:customStyle="1" w:styleId="2F21205B5E9848E3BAE9C23BBFF7B7CE13">
    <w:name w:val="2F21205B5E9848E3BAE9C23BBFF7B7CE13"/>
    <w:rsid w:val="007C1566"/>
    <w:pPr>
      <w:spacing w:after="0" w:line="160" w:lineRule="atLeast"/>
      <w:jc w:val="both"/>
    </w:pPr>
    <w:rPr>
      <w:rFonts w:ascii="Arial" w:eastAsiaTheme="minorHAnsi" w:hAnsi="Arial" w:cs="Arial"/>
      <w:sz w:val="12"/>
      <w:lang w:eastAsia="en-US"/>
    </w:rPr>
  </w:style>
  <w:style w:type="paragraph" w:customStyle="1" w:styleId="4343279399D248078EE62CBB75102E1910">
    <w:name w:val="4343279399D248078EE62CBB75102E1910"/>
    <w:rsid w:val="007C1566"/>
    <w:pPr>
      <w:spacing w:after="0" w:line="160" w:lineRule="atLeast"/>
      <w:jc w:val="both"/>
    </w:pPr>
    <w:rPr>
      <w:rFonts w:ascii="Arial" w:eastAsiaTheme="minorHAnsi" w:hAnsi="Arial" w:cs="Arial"/>
      <w:sz w:val="12"/>
      <w:lang w:eastAsia="en-US"/>
    </w:rPr>
  </w:style>
  <w:style w:type="paragraph" w:customStyle="1" w:styleId="2F3D8AF23C7B458D9D6323F0D7B0B8CE">
    <w:name w:val="2F3D8AF23C7B458D9D6323F0D7B0B8CE"/>
    <w:rsid w:val="007C1566"/>
    <w:pPr>
      <w:spacing w:after="0" w:line="160" w:lineRule="atLeast"/>
      <w:jc w:val="both"/>
    </w:pPr>
    <w:rPr>
      <w:rFonts w:ascii="Arial" w:eastAsiaTheme="minorHAnsi" w:hAnsi="Arial" w:cs="Arial"/>
      <w:sz w:val="12"/>
      <w:lang w:eastAsia="en-US"/>
    </w:rPr>
  </w:style>
  <w:style w:type="paragraph" w:customStyle="1" w:styleId="E650E85836854073B159B3C41A0F71D9">
    <w:name w:val="E650E85836854073B159B3C41A0F71D9"/>
    <w:rsid w:val="00D15A0C"/>
  </w:style>
  <w:style w:type="paragraph" w:customStyle="1" w:styleId="D690D23279D74D3B8749AE8E1C601763">
    <w:name w:val="D690D23279D74D3B8749AE8E1C601763"/>
    <w:rsid w:val="00D15A0C"/>
  </w:style>
  <w:style w:type="paragraph" w:customStyle="1" w:styleId="84B1DBD89ADC45639D7471298F0B164314">
    <w:name w:val="84B1DBD89ADC45639D7471298F0B164314"/>
    <w:rsid w:val="00D15A0C"/>
    <w:pPr>
      <w:spacing w:after="0" w:line="160" w:lineRule="atLeast"/>
      <w:jc w:val="both"/>
    </w:pPr>
    <w:rPr>
      <w:rFonts w:ascii="Arial" w:eastAsiaTheme="minorHAnsi" w:hAnsi="Arial" w:cs="Arial"/>
      <w:sz w:val="12"/>
      <w:lang w:eastAsia="en-US"/>
    </w:rPr>
  </w:style>
  <w:style w:type="paragraph" w:customStyle="1" w:styleId="6BCA5B42AAF141A6B883818808F7E38F14">
    <w:name w:val="6BCA5B42AAF141A6B883818808F7E38F14"/>
    <w:rsid w:val="00D15A0C"/>
    <w:pPr>
      <w:spacing w:after="0" w:line="160" w:lineRule="atLeast"/>
      <w:jc w:val="both"/>
    </w:pPr>
    <w:rPr>
      <w:rFonts w:ascii="Arial" w:eastAsiaTheme="minorHAnsi" w:hAnsi="Arial" w:cs="Arial"/>
      <w:sz w:val="12"/>
      <w:lang w:eastAsia="en-US"/>
    </w:rPr>
  </w:style>
  <w:style w:type="paragraph" w:customStyle="1" w:styleId="36A515937CE34571B569DF93F57D819F14">
    <w:name w:val="36A515937CE34571B569DF93F57D819F14"/>
    <w:rsid w:val="00D15A0C"/>
    <w:pPr>
      <w:spacing w:after="0" w:line="160" w:lineRule="atLeast"/>
      <w:jc w:val="both"/>
    </w:pPr>
    <w:rPr>
      <w:rFonts w:ascii="Arial" w:eastAsiaTheme="minorHAnsi" w:hAnsi="Arial" w:cs="Arial"/>
      <w:sz w:val="12"/>
      <w:lang w:eastAsia="en-US"/>
    </w:rPr>
  </w:style>
  <w:style w:type="paragraph" w:customStyle="1" w:styleId="2F21205B5E9848E3BAE9C23BBFF7B7CE14">
    <w:name w:val="2F21205B5E9848E3BAE9C23BBFF7B7CE14"/>
    <w:rsid w:val="00D15A0C"/>
    <w:pPr>
      <w:spacing w:after="0" w:line="160" w:lineRule="atLeast"/>
      <w:jc w:val="both"/>
    </w:pPr>
    <w:rPr>
      <w:rFonts w:ascii="Arial" w:eastAsiaTheme="minorHAnsi" w:hAnsi="Arial" w:cs="Arial"/>
      <w:sz w:val="12"/>
      <w:lang w:eastAsia="en-US"/>
    </w:rPr>
  </w:style>
  <w:style w:type="paragraph" w:customStyle="1" w:styleId="EAC3F4D4175546FC81D560C72545F8BB">
    <w:name w:val="EAC3F4D4175546FC81D560C72545F8BB"/>
    <w:rsid w:val="00D15A0C"/>
    <w:pPr>
      <w:spacing w:after="0" w:line="160" w:lineRule="atLeast"/>
      <w:jc w:val="both"/>
    </w:pPr>
    <w:rPr>
      <w:rFonts w:ascii="Arial" w:eastAsiaTheme="minorHAnsi" w:hAnsi="Arial" w:cs="Arial"/>
      <w:sz w:val="12"/>
      <w:lang w:eastAsia="en-US"/>
    </w:rPr>
  </w:style>
  <w:style w:type="paragraph" w:customStyle="1" w:styleId="E5FDA49279114AB59446839BE51B516D">
    <w:name w:val="E5FDA49279114AB59446839BE51B516D"/>
    <w:rsid w:val="00D15A0C"/>
    <w:pPr>
      <w:spacing w:after="0" w:line="160" w:lineRule="atLeast"/>
      <w:jc w:val="both"/>
    </w:pPr>
    <w:rPr>
      <w:rFonts w:ascii="Arial" w:eastAsiaTheme="minorHAnsi" w:hAnsi="Arial" w:cs="Arial"/>
      <w:sz w:val="12"/>
      <w:lang w:eastAsia="en-US"/>
    </w:rPr>
  </w:style>
  <w:style w:type="paragraph" w:customStyle="1" w:styleId="84B1DBD89ADC45639D7471298F0B164315">
    <w:name w:val="84B1DBD89ADC45639D7471298F0B164315"/>
    <w:rsid w:val="00D24EAE"/>
    <w:pPr>
      <w:spacing w:after="0" w:line="160" w:lineRule="atLeast"/>
      <w:jc w:val="both"/>
    </w:pPr>
    <w:rPr>
      <w:rFonts w:ascii="Arial" w:eastAsiaTheme="minorHAnsi" w:hAnsi="Arial" w:cs="Arial"/>
      <w:sz w:val="12"/>
      <w:lang w:eastAsia="en-US"/>
    </w:rPr>
  </w:style>
  <w:style w:type="paragraph" w:customStyle="1" w:styleId="6BCA5B42AAF141A6B883818808F7E38F15">
    <w:name w:val="6BCA5B42AAF141A6B883818808F7E38F15"/>
    <w:rsid w:val="00D24EAE"/>
    <w:pPr>
      <w:spacing w:after="0" w:line="160" w:lineRule="atLeast"/>
      <w:jc w:val="both"/>
    </w:pPr>
    <w:rPr>
      <w:rFonts w:ascii="Arial" w:eastAsiaTheme="minorHAnsi" w:hAnsi="Arial" w:cs="Arial"/>
      <w:sz w:val="12"/>
      <w:lang w:eastAsia="en-US"/>
    </w:rPr>
  </w:style>
  <w:style w:type="paragraph" w:customStyle="1" w:styleId="36A515937CE34571B569DF93F57D819F15">
    <w:name w:val="36A515937CE34571B569DF93F57D819F15"/>
    <w:rsid w:val="00D24EAE"/>
    <w:pPr>
      <w:spacing w:after="0" w:line="160" w:lineRule="atLeast"/>
      <w:jc w:val="both"/>
    </w:pPr>
    <w:rPr>
      <w:rFonts w:ascii="Arial" w:eastAsiaTheme="minorHAnsi" w:hAnsi="Arial" w:cs="Arial"/>
      <w:sz w:val="12"/>
      <w:lang w:eastAsia="en-US"/>
    </w:rPr>
  </w:style>
  <w:style w:type="paragraph" w:customStyle="1" w:styleId="2F21205B5E9848E3BAE9C23BBFF7B7CE15">
    <w:name w:val="2F21205B5E9848E3BAE9C23BBFF7B7CE15"/>
    <w:rsid w:val="00D24EAE"/>
    <w:pPr>
      <w:spacing w:after="0" w:line="160" w:lineRule="atLeast"/>
      <w:jc w:val="both"/>
    </w:pPr>
    <w:rPr>
      <w:rFonts w:ascii="Arial" w:eastAsiaTheme="minorHAnsi" w:hAnsi="Arial" w:cs="Arial"/>
      <w:sz w:val="12"/>
      <w:lang w:eastAsia="en-US"/>
    </w:rPr>
  </w:style>
  <w:style w:type="paragraph" w:customStyle="1" w:styleId="EAC3F4D4175546FC81D560C72545F8BB1">
    <w:name w:val="EAC3F4D4175546FC81D560C72545F8BB1"/>
    <w:rsid w:val="00D24EAE"/>
    <w:pPr>
      <w:spacing w:after="0" w:line="160" w:lineRule="atLeast"/>
      <w:jc w:val="both"/>
    </w:pPr>
    <w:rPr>
      <w:rFonts w:ascii="Arial" w:eastAsiaTheme="minorHAnsi" w:hAnsi="Arial" w:cs="Arial"/>
      <w:sz w:val="12"/>
      <w:lang w:eastAsia="en-US"/>
    </w:rPr>
  </w:style>
  <w:style w:type="paragraph" w:customStyle="1" w:styleId="E177DB9243804C88A734589F6D2A96DB">
    <w:name w:val="E177DB9243804C88A734589F6D2A96DB"/>
    <w:rsid w:val="00D24EAE"/>
    <w:pPr>
      <w:spacing w:after="0" w:line="160" w:lineRule="atLeast"/>
      <w:jc w:val="both"/>
    </w:pPr>
    <w:rPr>
      <w:rFonts w:ascii="Arial" w:eastAsiaTheme="minorHAnsi" w:hAnsi="Arial" w:cs="Arial"/>
      <w:sz w:val="12"/>
      <w:lang w:eastAsia="en-US"/>
    </w:rPr>
  </w:style>
  <w:style w:type="paragraph" w:customStyle="1" w:styleId="84B1DBD89ADC45639D7471298F0B164316">
    <w:name w:val="84B1DBD89ADC45639D7471298F0B164316"/>
    <w:rsid w:val="00D24EAE"/>
    <w:pPr>
      <w:spacing w:after="0" w:line="160" w:lineRule="atLeast"/>
      <w:jc w:val="both"/>
    </w:pPr>
    <w:rPr>
      <w:rFonts w:ascii="Arial" w:eastAsiaTheme="minorHAnsi" w:hAnsi="Arial" w:cs="Arial"/>
      <w:sz w:val="12"/>
      <w:lang w:eastAsia="en-US"/>
    </w:rPr>
  </w:style>
  <w:style w:type="paragraph" w:customStyle="1" w:styleId="6BCA5B42AAF141A6B883818808F7E38F16">
    <w:name w:val="6BCA5B42AAF141A6B883818808F7E38F16"/>
    <w:rsid w:val="00D24EAE"/>
    <w:pPr>
      <w:spacing w:after="0" w:line="160" w:lineRule="atLeast"/>
      <w:jc w:val="both"/>
    </w:pPr>
    <w:rPr>
      <w:rFonts w:ascii="Arial" w:eastAsiaTheme="minorHAnsi" w:hAnsi="Arial" w:cs="Arial"/>
      <w:sz w:val="12"/>
      <w:lang w:eastAsia="en-US"/>
    </w:rPr>
  </w:style>
  <w:style w:type="paragraph" w:customStyle="1" w:styleId="36A515937CE34571B569DF93F57D819F16">
    <w:name w:val="36A515937CE34571B569DF93F57D819F16"/>
    <w:rsid w:val="00D24EAE"/>
    <w:pPr>
      <w:spacing w:after="0" w:line="160" w:lineRule="atLeast"/>
      <w:jc w:val="both"/>
    </w:pPr>
    <w:rPr>
      <w:rFonts w:ascii="Arial" w:eastAsiaTheme="minorHAnsi" w:hAnsi="Arial" w:cs="Arial"/>
      <w:sz w:val="12"/>
      <w:lang w:eastAsia="en-US"/>
    </w:rPr>
  </w:style>
  <w:style w:type="paragraph" w:customStyle="1" w:styleId="2F21205B5E9848E3BAE9C23BBFF7B7CE16">
    <w:name w:val="2F21205B5E9848E3BAE9C23BBFF7B7CE16"/>
    <w:rsid w:val="00D24EAE"/>
    <w:pPr>
      <w:spacing w:after="0" w:line="160" w:lineRule="atLeast"/>
      <w:jc w:val="both"/>
    </w:pPr>
    <w:rPr>
      <w:rFonts w:ascii="Arial" w:eastAsiaTheme="minorHAnsi" w:hAnsi="Arial" w:cs="Arial"/>
      <w:sz w:val="12"/>
      <w:lang w:eastAsia="en-US"/>
    </w:rPr>
  </w:style>
  <w:style w:type="paragraph" w:customStyle="1" w:styleId="EAC3F4D4175546FC81D560C72545F8BB2">
    <w:name w:val="EAC3F4D4175546FC81D560C72545F8BB2"/>
    <w:rsid w:val="00D24EAE"/>
    <w:pPr>
      <w:spacing w:after="0" w:line="160" w:lineRule="atLeast"/>
      <w:jc w:val="both"/>
    </w:pPr>
    <w:rPr>
      <w:rFonts w:ascii="Arial" w:eastAsiaTheme="minorHAnsi" w:hAnsi="Arial" w:cs="Arial"/>
      <w:sz w:val="12"/>
      <w:lang w:eastAsia="en-US"/>
    </w:rPr>
  </w:style>
  <w:style w:type="paragraph" w:customStyle="1" w:styleId="E177DB9243804C88A734589F6D2A96DB1">
    <w:name w:val="E177DB9243804C88A734589F6D2A96DB1"/>
    <w:rsid w:val="00D24EAE"/>
    <w:pPr>
      <w:spacing w:after="0" w:line="160" w:lineRule="atLeast"/>
      <w:jc w:val="both"/>
    </w:pPr>
    <w:rPr>
      <w:rFonts w:ascii="Arial" w:eastAsiaTheme="minorHAnsi" w:hAnsi="Arial" w:cs="Arial"/>
      <w:sz w:val="12"/>
      <w:lang w:eastAsia="en-US"/>
    </w:rPr>
  </w:style>
  <w:style w:type="paragraph" w:customStyle="1" w:styleId="84B1DBD89ADC45639D7471298F0B164317">
    <w:name w:val="84B1DBD89ADC45639D7471298F0B164317"/>
    <w:rsid w:val="00D24EAE"/>
    <w:pPr>
      <w:spacing w:after="0" w:line="160" w:lineRule="atLeast"/>
      <w:jc w:val="both"/>
    </w:pPr>
    <w:rPr>
      <w:rFonts w:ascii="Arial" w:eastAsiaTheme="minorHAnsi" w:hAnsi="Arial" w:cs="Arial"/>
      <w:sz w:val="12"/>
      <w:lang w:eastAsia="en-US"/>
    </w:rPr>
  </w:style>
  <w:style w:type="paragraph" w:customStyle="1" w:styleId="6BCA5B42AAF141A6B883818808F7E38F17">
    <w:name w:val="6BCA5B42AAF141A6B883818808F7E38F17"/>
    <w:rsid w:val="00D24EAE"/>
    <w:pPr>
      <w:spacing w:after="0" w:line="160" w:lineRule="atLeast"/>
      <w:jc w:val="both"/>
    </w:pPr>
    <w:rPr>
      <w:rFonts w:ascii="Arial" w:eastAsiaTheme="minorHAnsi" w:hAnsi="Arial" w:cs="Arial"/>
      <w:sz w:val="12"/>
      <w:lang w:eastAsia="en-US"/>
    </w:rPr>
  </w:style>
  <w:style w:type="paragraph" w:customStyle="1" w:styleId="36A515937CE34571B569DF93F57D819F17">
    <w:name w:val="36A515937CE34571B569DF93F57D819F17"/>
    <w:rsid w:val="00D24EAE"/>
    <w:pPr>
      <w:spacing w:after="0" w:line="160" w:lineRule="atLeast"/>
      <w:jc w:val="both"/>
    </w:pPr>
    <w:rPr>
      <w:rFonts w:ascii="Arial" w:eastAsiaTheme="minorHAnsi" w:hAnsi="Arial" w:cs="Arial"/>
      <w:sz w:val="12"/>
      <w:lang w:eastAsia="en-US"/>
    </w:rPr>
  </w:style>
  <w:style w:type="paragraph" w:customStyle="1" w:styleId="2F21205B5E9848E3BAE9C23BBFF7B7CE17">
    <w:name w:val="2F21205B5E9848E3BAE9C23BBFF7B7CE17"/>
    <w:rsid w:val="00D24EAE"/>
    <w:pPr>
      <w:spacing w:after="0" w:line="160" w:lineRule="atLeast"/>
      <w:jc w:val="both"/>
    </w:pPr>
    <w:rPr>
      <w:rFonts w:ascii="Arial" w:eastAsiaTheme="minorHAnsi" w:hAnsi="Arial" w:cs="Arial"/>
      <w:sz w:val="12"/>
      <w:lang w:eastAsia="en-US"/>
    </w:rPr>
  </w:style>
  <w:style w:type="paragraph" w:customStyle="1" w:styleId="EAC3F4D4175546FC81D560C72545F8BB3">
    <w:name w:val="EAC3F4D4175546FC81D560C72545F8BB3"/>
    <w:rsid w:val="00D24EAE"/>
    <w:pPr>
      <w:spacing w:after="0" w:line="160" w:lineRule="atLeast"/>
      <w:jc w:val="both"/>
    </w:pPr>
    <w:rPr>
      <w:rFonts w:ascii="Arial" w:eastAsiaTheme="minorHAnsi" w:hAnsi="Arial" w:cs="Arial"/>
      <w:sz w:val="12"/>
      <w:lang w:eastAsia="en-US"/>
    </w:rPr>
  </w:style>
  <w:style w:type="paragraph" w:customStyle="1" w:styleId="E177DB9243804C88A734589F6D2A96DB2">
    <w:name w:val="E177DB9243804C88A734589F6D2A96DB2"/>
    <w:rsid w:val="00D24EAE"/>
    <w:pPr>
      <w:spacing w:after="0" w:line="160" w:lineRule="atLeast"/>
      <w:jc w:val="both"/>
    </w:pPr>
    <w:rPr>
      <w:rFonts w:ascii="Arial" w:eastAsiaTheme="minorHAnsi" w:hAnsi="Arial" w:cs="Arial"/>
      <w:sz w:val="12"/>
      <w:lang w:eastAsia="en-US"/>
    </w:rPr>
  </w:style>
  <w:style w:type="paragraph" w:customStyle="1" w:styleId="9D6FC5146B7F4F8E85F07F7EB2CDD862">
    <w:name w:val="9D6FC5146B7F4F8E85F07F7EB2CDD862"/>
    <w:rsid w:val="00450076"/>
  </w:style>
  <w:style w:type="paragraph" w:customStyle="1" w:styleId="3189E994104A4D009FA5775DEE29C6A1">
    <w:name w:val="3189E994104A4D009FA5775DEE29C6A1"/>
    <w:rsid w:val="00450076"/>
  </w:style>
  <w:style w:type="paragraph" w:customStyle="1" w:styleId="EC9EE4953DD34DFF877775BF7D4E3F54">
    <w:name w:val="EC9EE4953DD34DFF877775BF7D4E3F54"/>
    <w:rsid w:val="00450076"/>
  </w:style>
  <w:style w:type="paragraph" w:customStyle="1" w:styleId="BCFD182044C843A88FB4754071A0580E">
    <w:name w:val="BCFD182044C843A88FB4754071A0580E"/>
    <w:rsid w:val="00450076"/>
  </w:style>
  <w:style w:type="paragraph" w:customStyle="1" w:styleId="791635D1762F43D9808494D6441AF233">
    <w:name w:val="791635D1762F43D9808494D6441AF233"/>
    <w:rsid w:val="00450076"/>
  </w:style>
  <w:style w:type="paragraph" w:customStyle="1" w:styleId="01619C90D25042D49FE9AF3AF09DF667">
    <w:name w:val="01619C90D25042D49FE9AF3AF09DF667"/>
    <w:rsid w:val="00450076"/>
  </w:style>
  <w:style w:type="paragraph" w:customStyle="1" w:styleId="B06396D1A08A45B58939A7F06D448624">
    <w:name w:val="B06396D1A08A45B58939A7F06D448624"/>
    <w:rsid w:val="00450076"/>
  </w:style>
  <w:style w:type="paragraph" w:customStyle="1" w:styleId="79C436EBC0A74A58BD122FEC2263DCB1">
    <w:name w:val="79C436EBC0A74A58BD122FEC2263DCB1"/>
    <w:rsid w:val="00450076"/>
  </w:style>
  <w:style w:type="paragraph" w:customStyle="1" w:styleId="FC231A27E8BB4D76828C876FFD018FE7">
    <w:name w:val="FC231A27E8BB4D76828C876FFD018FE7"/>
    <w:rsid w:val="00450076"/>
  </w:style>
  <w:style w:type="paragraph" w:customStyle="1" w:styleId="51172F55CE4B4D46B6A77139F2D6473B">
    <w:name w:val="51172F55CE4B4D46B6A77139F2D6473B"/>
    <w:rsid w:val="00450076"/>
  </w:style>
  <w:style w:type="paragraph" w:customStyle="1" w:styleId="5E3F76ECF45C4AC29D58937DC9B65550">
    <w:name w:val="5E3F76ECF45C4AC29D58937DC9B65550"/>
    <w:rsid w:val="00450076"/>
  </w:style>
  <w:style w:type="paragraph" w:customStyle="1" w:styleId="38CAAE54EB4940088E6663871CDF3134">
    <w:name w:val="38CAAE54EB4940088E6663871CDF3134"/>
    <w:rsid w:val="00450076"/>
  </w:style>
  <w:style w:type="paragraph" w:customStyle="1" w:styleId="3124435A87C24CCE8478C701B65A28AD">
    <w:name w:val="3124435A87C24CCE8478C701B65A28AD"/>
    <w:rsid w:val="00450076"/>
  </w:style>
  <w:style w:type="paragraph" w:customStyle="1" w:styleId="2F605E52B96E4107A44159115A3CB272">
    <w:name w:val="2F605E52B96E4107A44159115A3CB272"/>
    <w:rsid w:val="00450076"/>
  </w:style>
  <w:style w:type="paragraph" w:customStyle="1" w:styleId="414FF19974DF4E50A633B7CC318B2736">
    <w:name w:val="414FF19974DF4E50A633B7CC318B2736"/>
    <w:rsid w:val="00450076"/>
  </w:style>
  <w:style w:type="paragraph" w:customStyle="1" w:styleId="3AE9BDAE04F64492B073CA8418F82336">
    <w:name w:val="3AE9BDAE04F64492B073CA8418F82336"/>
    <w:rsid w:val="00450076"/>
  </w:style>
  <w:style w:type="paragraph" w:customStyle="1" w:styleId="8DD12CA85E7949A085F2FA492DA28849">
    <w:name w:val="8DD12CA85E7949A085F2FA492DA28849"/>
    <w:rsid w:val="00450076"/>
  </w:style>
  <w:style w:type="paragraph" w:customStyle="1" w:styleId="5E43E767D0E6489BBD225A4DD5141F23">
    <w:name w:val="5E43E767D0E6489BBD225A4DD5141F23"/>
    <w:rsid w:val="00450076"/>
  </w:style>
  <w:style w:type="paragraph" w:customStyle="1" w:styleId="79C694C547F044CE86EA6819EFEE2117">
    <w:name w:val="79C694C547F044CE86EA6819EFEE2117"/>
    <w:rsid w:val="00450076"/>
  </w:style>
  <w:style w:type="paragraph" w:customStyle="1" w:styleId="035F5119563B463491A8A4D0A7C4995E">
    <w:name w:val="035F5119563B463491A8A4D0A7C4995E"/>
    <w:rsid w:val="00450076"/>
  </w:style>
  <w:style w:type="paragraph" w:customStyle="1" w:styleId="235D8E8A4AF5437E8D36B96ACAA74086">
    <w:name w:val="235D8E8A4AF5437E8D36B96ACAA74086"/>
    <w:rsid w:val="00450076"/>
  </w:style>
  <w:style w:type="paragraph" w:customStyle="1" w:styleId="A5803DC11BB045BB8461828FF90CE685">
    <w:name w:val="A5803DC11BB045BB8461828FF90CE685"/>
    <w:rsid w:val="00450076"/>
  </w:style>
  <w:style w:type="paragraph" w:customStyle="1" w:styleId="1E445D363D7E44F6ACE8F2752B071473">
    <w:name w:val="1E445D363D7E44F6ACE8F2752B071473"/>
    <w:rsid w:val="00450076"/>
  </w:style>
  <w:style w:type="paragraph" w:customStyle="1" w:styleId="BA051DB3C91242E5AC8F900EE82F72E1">
    <w:name w:val="BA051DB3C91242E5AC8F900EE82F72E1"/>
    <w:rsid w:val="00450076"/>
  </w:style>
  <w:style w:type="paragraph" w:customStyle="1" w:styleId="C101B9830F134D1D8F7753D377F0073E">
    <w:name w:val="C101B9830F134D1D8F7753D377F0073E"/>
    <w:rsid w:val="00450076"/>
  </w:style>
  <w:style w:type="paragraph" w:customStyle="1" w:styleId="A5C7D3698D4241C99109688F4B524A97">
    <w:name w:val="A5C7D3698D4241C99109688F4B524A97"/>
    <w:rsid w:val="00450076"/>
  </w:style>
  <w:style w:type="paragraph" w:customStyle="1" w:styleId="84B1DBD89ADC45639D7471298F0B164318">
    <w:name w:val="84B1DBD89ADC45639D7471298F0B164318"/>
    <w:rsid w:val="00A9709E"/>
    <w:pPr>
      <w:spacing w:after="0" w:line="160" w:lineRule="atLeast"/>
      <w:jc w:val="both"/>
    </w:pPr>
    <w:rPr>
      <w:rFonts w:ascii="Arial" w:eastAsiaTheme="minorHAnsi" w:hAnsi="Arial" w:cs="Arial"/>
      <w:sz w:val="12"/>
      <w:lang w:eastAsia="en-US"/>
    </w:rPr>
  </w:style>
  <w:style w:type="paragraph" w:customStyle="1" w:styleId="6BCA5B42AAF141A6B883818808F7E38F18">
    <w:name w:val="6BCA5B42AAF141A6B883818808F7E38F18"/>
    <w:rsid w:val="00A9709E"/>
    <w:pPr>
      <w:spacing w:after="0" w:line="160" w:lineRule="atLeast"/>
      <w:jc w:val="both"/>
    </w:pPr>
    <w:rPr>
      <w:rFonts w:ascii="Arial" w:eastAsiaTheme="minorHAnsi" w:hAnsi="Arial" w:cs="Arial"/>
      <w:sz w:val="12"/>
      <w:lang w:eastAsia="en-US"/>
    </w:rPr>
  </w:style>
  <w:style w:type="paragraph" w:customStyle="1" w:styleId="36A515937CE34571B569DF93F57D819F18">
    <w:name w:val="36A515937CE34571B569DF93F57D819F18"/>
    <w:rsid w:val="00A9709E"/>
    <w:pPr>
      <w:spacing w:after="0" w:line="160" w:lineRule="atLeast"/>
      <w:jc w:val="both"/>
    </w:pPr>
    <w:rPr>
      <w:rFonts w:ascii="Arial" w:eastAsiaTheme="minorHAnsi" w:hAnsi="Arial" w:cs="Arial"/>
      <w:sz w:val="12"/>
      <w:lang w:eastAsia="en-US"/>
    </w:rPr>
  </w:style>
  <w:style w:type="paragraph" w:customStyle="1" w:styleId="2F21205B5E9848E3BAE9C23BBFF7B7CE18">
    <w:name w:val="2F21205B5E9848E3BAE9C23BBFF7B7CE18"/>
    <w:rsid w:val="00A9709E"/>
    <w:pPr>
      <w:spacing w:after="0" w:line="160" w:lineRule="atLeast"/>
      <w:jc w:val="both"/>
    </w:pPr>
    <w:rPr>
      <w:rFonts w:ascii="Arial" w:eastAsiaTheme="minorHAnsi" w:hAnsi="Arial" w:cs="Arial"/>
      <w:sz w:val="12"/>
      <w:lang w:eastAsia="en-US"/>
    </w:rPr>
  </w:style>
  <w:style w:type="paragraph" w:customStyle="1" w:styleId="EAC3F4D4175546FC81D560C72545F8BB4">
    <w:name w:val="EAC3F4D4175546FC81D560C72545F8BB4"/>
    <w:rsid w:val="00A9709E"/>
    <w:pPr>
      <w:spacing w:after="0" w:line="160" w:lineRule="atLeast"/>
      <w:jc w:val="both"/>
    </w:pPr>
    <w:rPr>
      <w:rFonts w:ascii="Arial" w:eastAsiaTheme="minorHAnsi" w:hAnsi="Arial" w:cs="Arial"/>
      <w:sz w:val="12"/>
      <w:lang w:eastAsia="en-US"/>
    </w:rPr>
  </w:style>
  <w:style w:type="paragraph" w:customStyle="1" w:styleId="FBCBCFBDEBF1485D9A33C93C41C5A340">
    <w:name w:val="FBCBCFBDEBF1485D9A33C93C41C5A340"/>
    <w:rsid w:val="00A9709E"/>
    <w:pPr>
      <w:spacing w:after="0" w:line="160" w:lineRule="atLeast"/>
      <w:jc w:val="both"/>
    </w:pPr>
    <w:rPr>
      <w:rFonts w:ascii="Arial" w:eastAsiaTheme="minorHAnsi" w:hAnsi="Arial" w:cs="Arial"/>
      <w:sz w:val="12"/>
      <w:lang w:eastAsia="en-US"/>
    </w:rPr>
  </w:style>
  <w:style w:type="paragraph" w:customStyle="1" w:styleId="84B1DBD89ADC45639D7471298F0B164319">
    <w:name w:val="84B1DBD89ADC45639D7471298F0B164319"/>
    <w:rsid w:val="00A9709E"/>
    <w:pPr>
      <w:spacing w:after="0" w:line="160" w:lineRule="atLeast"/>
      <w:jc w:val="both"/>
    </w:pPr>
    <w:rPr>
      <w:rFonts w:ascii="Arial" w:eastAsiaTheme="minorHAnsi" w:hAnsi="Arial" w:cs="Arial"/>
      <w:sz w:val="12"/>
      <w:lang w:eastAsia="en-US"/>
    </w:rPr>
  </w:style>
  <w:style w:type="paragraph" w:customStyle="1" w:styleId="6BCA5B42AAF141A6B883818808F7E38F19">
    <w:name w:val="6BCA5B42AAF141A6B883818808F7E38F19"/>
    <w:rsid w:val="00A9709E"/>
    <w:pPr>
      <w:spacing w:after="0" w:line="160" w:lineRule="atLeast"/>
      <w:jc w:val="both"/>
    </w:pPr>
    <w:rPr>
      <w:rFonts w:ascii="Arial" w:eastAsiaTheme="minorHAnsi" w:hAnsi="Arial" w:cs="Arial"/>
      <w:sz w:val="12"/>
      <w:lang w:eastAsia="en-US"/>
    </w:rPr>
  </w:style>
  <w:style w:type="paragraph" w:customStyle="1" w:styleId="36A515937CE34571B569DF93F57D819F19">
    <w:name w:val="36A515937CE34571B569DF93F57D819F19"/>
    <w:rsid w:val="00A9709E"/>
    <w:pPr>
      <w:spacing w:after="0" w:line="160" w:lineRule="atLeast"/>
      <w:jc w:val="both"/>
    </w:pPr>
    <w:rPr>
      <w:rFonts w:ascii="Arial" w:eastAsiaTheme="minorHAnsi" w:hAnsi="Arial" w:cs="Arial"/>
      <w:sz w:val="12"/>
      <w:lang w:eastAsia="en-US"/>
    </w:rPr>
  </w:style>
  <w:style w:type="paragraph" w:customStyle="1" w:styleId="2F21205B5E9848E3BAE9C23BBFF7B7CE19">
    <w:name w:val="2F21205B5E9848E3BAE9C23BBFF7B7CE19"/>
    <w:rsid w:val="00A9709E"/>
    <w:pPr>
      <w:spacing w:after="0" w:line="160" w:lineRule="atLeast"/>
      <w:jc w:val="both"/>
    </w:pPr>
    <w:rPr>
      <w:rFonts w:ascii="Arial" w:eastAsiaTheme="minorHAnsi" w:hAnsi="Arial" w:cs="Arial"/>
      <w:sz w:val="12"/>
      <w:lang w:eastAsia="en-US"/>
    </w:rPr>
  </w:style>
  <w:style w:type="paragraph" w:customStyle="1" w:styleId="EAC3F4D4175546FC81D560C72545F8BB5">
    <w:name w:val="EAC3F4D4175546FC81D560C72545F8BB5"/>
    <w:rsid w:val="00A9709E"/>
    <w:pPr>
      <w:spacing w:after="0" w:line="160" w:lineRule="atLeast"/>
      <w:jc w:val="both"/>
    </w:pPr>
    <w:rPr>
      <w:rFonts w:ascii="Arial" w:eastAsiaTheme="minorHAnsi" w:hAnsi="Arial" w:cs="Arial"/>
      <w:sz w:val="12"/>
      <w:lang w:eastAsia="en-US"/>
    </w:rPr>
  </w:style>
  <w:style w:type="paragraph" w:customStyle="1" w:styleId="FBCBCFBDEBF1485D9A33C93C41C5A3401">
    <w:name w:val="FBCBCFBDEBF1485D9A33C93C41C5A3401"/>
    <w:rsid w:val="00A9709E"/>
    <w:pPr>
      <w:spacing w:after="0" w:line="160" w:lineRule="atLeast"/>
      <w:jc w:val="both"/>
    </w:pPr>
    <w:rPr>
      <w:rFonts w:ascii="Arial" w:eastAsiaTheme="minorHAnsi" w:hAnsi="Arial" w:cs="Arial"/>
      <w:sz w:val="12"/>
      <w:lang w:eastAsia="en-US"/>
    </w:rPr>
  </w:style>
  <w:style w:type="paragraph" w:customStyle="1" w:styleId="84B1DBD89ADC45639D7471298F0B164320">
    <w:name w:val="84B1DBD89ADC45639D7471298F0B164320"/>
    <w:rsid w:val="009C1606"/>
    <w:pPr>
      <w:spacing w:after="0" w:line="160" w:lineRule="atLeast"/>
      <w:jc w:val="both"/>
    </w:pPr>
    <w:rPr>
      <w:rFonts w:ascii="Arial" w:eastAsiaTheme="minorHAnsi" w:hAnsi="Arial" w:cs="Arial"/>
      <w:sz w:val="12"/>
      <w:lang w:eastAsia="en-US"/>
    </w:rPr>
  </w:style>
  <w:style w:type="paragraph" w:customStyle="1" w:styleId="6BCA5B42AAF141A6B883818808F7E38F20">
    <w:name w:val="6BCA5B42AAF141A6B883818808F7E38F20"/>
    <w:rsid w:val="009C1606"/>
    <w:pPr>
      <w:spacing w:after="0" w:line="160" w:lineRule="atLeast"/>
      <w:jc w:val="both"/>
    </w:pPr>
    <w:rPr>
      <w:rFonts w:ascii="Arial" w:eastAsiaTheme="minorHAnsi" w:hAnsi="Arial" w:cs="Arial"/>
      <w:sz w:val="12"/>
      <w:lang w:eastAsia="en-US"/>
    </w:rPr>
  </w:style>
  <w:style w:type="paragraph" w:customStyle="1" w:styleId="36A515937CE34571B569DF93F57D819F20">
    <w:name w:val="36A515937CE34571B569DF93F57D819F20"/>
    <w:rsid w:val="009C1606"/>
    <w:pPr>
      <w:spacing w:after="0" w:line="160" w:lineRule="atLeast"/>
      <w:jc w:val="both"/>
    </w:pPr>
    <w:rPr>
      <w:rFonts w:ascii="Arial" w:eastAsiaTheme="minorHAnsi" w:hAnsi="Arial" w:cs="Arial"/>
      <w:sz w:val="12"/>
      <w:lang w:eastAsia="en-US"/>
    </w:rPr>
  </w:style>
  <w:style w:type="paragraph" w:customStyle="1" w:styleId="2F21205B5E9848E3BAE9C23BBFF7B7CE20">
    <w:name w:val="2F21205B5E9848E3BAE9C23BBFF7B7CE20"/>
    <w:rsid w:val="009C1606"/>
    <w:pPr>
      <w:spacing w:after="0" w:line="160" w:lineRule="atLeast"/>
      <w:jc w:val="both"/>
    </w:pPr>
    <w:rPr>
      <w:rFonts w:ascii="Arial" w:eastAsiaTheme="minorHAnsi" w:hAnsi="Arial" w:cs="Arial"/>
      <w:sz w:val="12"/>
      <w:lang w:eastAsia="en-US"/>
    </w:rPr>
  </w:style>
  <w:style w:type="paragraph" w:customStyle="1" w:styleId="EAC3F4D4175546FC81D560C72545F8BB6">
    <w:name w:val="EAC3F4D4175546FC81D560C72545F8BB6"/>
    <w:rsid w:val="009C1606"/>
    <w:pPr>
      <w:spacing w:after="0" w:line="160" w:lineRule="atLeast"/>
      <w:jc w:val="both"/>
    </w:pPr>
    <w:rPr>
      <w:rFonts w:ascii="Arial" w:eastAsiaTheme="minorHAnsi" w:hAnsi="Arial" w:cs="Arial"/>
      <w:sz w:val="12"/>
      <w:lang w:eastAsia="en-US"/>
    </w:rPr>
  </w:style>
  <w:style w:type="paragraph" w:customStyle="1" w:styleId="FBCBCFBDEBF1485D9A33C93C41C5A3402">
    <w:name w:val="FBCBCFBDEBF1485D9A33C93C41C5A3402"/>
    <w:rsid w:val="009C1606"/>
    <w:pPr>
      <w:spacing w:after="0" w:line="160" w:lineRule="atLeast"/>
      <w:jc w:val="both"/>
    </w:pPr>
    <w:rPr>
      <w:rFonts w:ascii="Arial" w:eastAsiaTheme="minorHAnsi" w:hAnsi="Arial" w:cs="Arial"/>
      <w:sz w:val="12"/>
      <w:lang w:eastAsia="en-US"/>
    </w:rPr>
  </w:style>
  <w:style w:type="paragraph" w:customStyle="1" w:styleId="84B1DBD89ADC45639D7471298F0B164321">
    <w:name w:val="84B1DBD89ADC45639D7471298F0B164321"/>
    <w:rsid w:val="00B737C5"/>
    <w:pPr>
      <w:spacing w:after="0" w:line="160" w:lineRule="atLeast"/>
      <w:jc w:val="both"/>
    </w:pPr>
    <w:rPr>
      <w:rFonts w:ascii="Arial" w:eastAsiaTheme="minorHAnsi" w:hAnsi="Arial" w:cs="Arial"/>
      <w:sz w:val="12"/>
      <w:lang w:eastAsia="en-US"/>
    </w:rPr>
  </w:style>
  <w:style w:type="paragraph" w:customStyle="1" w:styleId="6BCA5B42AAF141A6B883818808F7E38F21">
    <w:name w:val="6BCA5B42AAF141A6B883818808F7E38F21"/>
    <w:rsid w:val="00B737C5"/>
    <w:pPr>
      <w:spacing w:after="0" w:line="160" w:lineRule="atLeast"/>
      <w:jc w:val="both"/>
    </w:pPr>
    <w:rPr>
      <w:rFonts w:ascii="Arial" w:eastAsiaTheme="minorHAnsi" w:hAnsi="Arial" w:cs="Arial"/>
      <w:sz w:val="12"/>
      <w:lang w:eastAsia="en-US"/>
    </w:rPr>
  </w:style>
  <w:style w:type="paragraph" w:customStyle="1" w:styleId="36A515937CE34571B569DF93F57D819F21">
    <w:name w:val="36A515937CE34571B569DF93F57D819F21"/>
    <w:rsid w:val="00B737C5"/>
    <w:pPr>
      <w:spacing w:after="0" w:line="160" w:lineRule="atLeast"/>
      <w:jc w:val="both"/>
    </w:pPr>
    <w:rPr>
      <w:rFonts w:ascii="Arial" w:eastAsiaTheme="minorHAnsi" w:hAnsi="Arial" w:cs="Arial"/>
      <w:sz w:val="12"/>
      <w:lang w:eastAsia="en-US"/>
    </w:rPr>
  </w:style>
  <w:style w:type="paragraph" w:customStyle="1" w:styleId="2F21205B5E9848E3BAE9C23BBFF7B7CE21">
    <w:name w:val="2F21205B5E9848E3BAE9C23BBFF7B7CE21"/>
    <w:rsid w:val="00B737C5"/>
    <w:pPr>
      <w:spacing w:after="0" w:line="160" w:lineRule="atLeast"/>
      <w:jc w:val="both"/>
    </w:pPr>
    <w:rPr>
      <w:rFonts w:ascii="Arial" w:eastAsiaTheme="minorHAnsi" w:hAnsi="Arial" w:cs="Arial"/>
      <w:sz w:val="12"/>
      <w:lang w:eastAsia="en-US"/>
    </w:rPr>
  </w:style>
  <w:style w:type="paragraph" w:customStyle="1" w:styleId="EAC3F4D4175546FC81D560C72545F8BB7">
    <w:name w:val="EAC3F4D4175546FC81D560C72545F8BB7"/>
    <w:rsid w:val="00B737C5"/>
    <w:pPr>
      <w:spacing w:after="0" w:line="160" w:lineRule="atLeast"/>
      <w:jc w:val="both"/>
    </w:pPr>
    <w:rPr>
      <w:rFonts w:ascii="Arial" w:eastAsiaTheme="minorHAnsi" w:hAnsi="Arial" w:cs="Arial"/>
      <w:sz w:val="12"/>
      <w:lang w:eastAsia="en-US"/>
    </w:rPr>
  </w:style>
  <w:style w:type="paragraph" w:customStyle="1" w:styleId="FBCBCFBDEBF1485D9A33C93C41C5A3403">
    <w:name w:val="FBCBCFBDEBF1485D9A33C93C41C5A3403"/>
    <w:rsid w:val="00B737C5"/>
    <w:pPr>
      <w:spacing w:after="0" w:line="160" w:lineRule="atLeast"/>
      <w:jc w:val="both"/>
    </w:pPr>
    <w:rPr>
      <w:rFonts w:ascii="Arial" w:eastAsiaTheme="minorHAnsi" w:hAnsi="Arial" w:cs="Arial"/>
      <w:sz w:val="12"/>
      <w:lang w:eastAsia="en-US"/>
    </w:rPr>
  </w:style>
  <w:style w:type="paragraph" w:customStyle="1" w:styleId="84B1DBD89ADC45639D7471298F0B164322">
    <w:name w:val="84B1DBD89ADC45639D7471298F0B164322"/>
    <w:rsid w:val="003729F5"/>
    <w:pPr>
      <w:spacing w:after="0" w:line="160" w:lineRule="atLeast"/>
      <w:jc w:val="both"/>
    </w:pPr>
    <w:rPr>
      <w:rFonts w:ascii="Arial" w:eastAsiaTheme="minorHAnsi" w:hAnsi="Arial" w:cs="Arial"/>
      <w:sz w:val="12"/>
      <w:lang w:eastAsia="en-US"/>
    </w:rPr>
  </w:style>
  <w:style w:type="paragraph" w:customStyle="1" w:styleId="6BCA5B42AAF141A6B883818808F7E38F22">
    <w:name w:val="6BCA5B42AAF141A6B883818808F7E38F22"/>
    <w:rsid w:val="003729F5"/>
    <w:pPr>
      <w:spacing w:after="0" w:line="160" w:lineRule="atLeast"/>
      <w:jc w:val="both"/>
    </w:pPr>
    <w:rPr>
      <w:rFonts w:ascii="Arial" w:eastAsiaTheme="minorHAnsi" w:hAnsi="Arial" w:cs="Arial"/>
      <w:sz w:val="12"/>
      <w:lang w:eastAsia="en-US"/>
    </w:rPr>
  </w:style>
  <w:style w:type="paragraph" w:customStyle="1" w:styleId="36A515937CE34571B569DF93F57D819F22">
    <w:name w:val="36A515937CE34571B569DF93F57D819F22"/>
    <w:rsid w:val="003729F5"/>
    <w:pPr>
      <w:spacing w:after="0" w:line="160" w:lineRule="atLeast"/>
      <w:jc w:val="both"/>
    </w:pPr>
    <w:rPr>
      <w:rFonts w:ascii="Arial" w:eastAsiaTheme="minorHAnsi" w:hAnsi="Arial" w:cs="Arial"/>
      <w:sz w:val="12"/>
      <w:lang w:eastAsia="en-US"/>
    </w:rPr>
  </w:style>
  <w:style w:type="paragraph" w:customStyle="1" w:styleId="2F21205B5E9848E3BAE9C23BBFF7B7CE22">
    <w:name w:val="2F21205B5E9848E3BAE9C23BBFF7B7CE22"/>
    <w:rsid w:val="003729F5"/>
    <w:pPr>
      <w:spacing w:after="0" w:line="160" w:lineRule="atLeast"/>
      <w:jc w:val="both"/>
    </w:pPr>
    <w:rPr>
      <w:rFonts w:ascii="Arial" w:eastAsiaTheme="minorHAnsi" w:hAnsi="Arial" w:cs="Arial"/>
      <w:sz w:val="12"/>
      <w:lang w:eastAsia="en-US"/>
    </w:rPr>
  </w:style>
  <w:style w:type="paragraph" w:customStyle="1" w:styleId="EAC3F4D4175546FC81D560C72545F8BB8">
    <w:name w:val="EAC3F4D4175546FC81D560C72545F8BB8"/>
    <w:rsid w:val="003729F5"/>
    <w:pPr>
      <w:spacing w:after="0" w:line="160" w:lineRule="atLeast"/>
      <w:jc w:val="both"/>
    </w:pPr>
    <w:rPr>
      <w:rFonts w:ascii="Arial" w:eastAsiaTheme="minorHAnsi" w:hAnsi="Arial" w:cs="Arial"/>
      <w:sz w:val="12"/>
      <w:lang w:eastAsia="en-US"/>
    </w:rPr>
  </w:style>
  <w:style w:type="paragraph" w:customStyle="1" w:styleId="FBCBCFBDEBF1485D9A33C93C41C5A3404">
    <w:name w:val="FBCBCFBDEBF1485D9A33C93C41C5A3404"/>
    <w:rsid w:val="003729F5"/>
    <w:pPr>
      <w:spacing w:after="0" w:line="160" w:lineRule="atLeast"/>
      <w:jc w:val="both"/>
    </w:pPr>
    <w:rPr>
      <w:rFonts w:ascii="Arial" w:eastAsiaTheme="minorHAnsi" w:hAnsi="Arial" w:cs="Arial"/>
      <w:sz w:val="12"/>
      <w:lang w:eastAsia="en-US"/>
    </w:rPr>
  </w:style>
  <w:style w:type="paragraph" w:customStyle="1" w:styleId="84B1DBD89ADC45639D7471298F0B164323">
    <w:name w:val="84B1DBD89ADC45639D7471298F0B164323"/>
    <w:rsid w:val="004E4F98"/>
    <w:pPr>
      <w:spacing w:after="0" w:line="160" w:lineRule="atLeast"/>
      <w:jc w:val="both"/>
    </w:pPr>
    <w:rPr>
      <w:rFonts w:ascii="Arial" w:eastAsiaTheme="minorHAnsi" w:hAnsi="Arial" w:cs="Arial"/>
      <w:sz w:val="12"/>
      <w:lang w:eastAsia="en-US"/>
    </w:rPr>
  </w:style>
  <w:style w:type="paragraph" w:customStyle="1" w:styleId="6BCA5B42AAF141A6B883818808F7E38F23">
    <w:name w:val="6BCA5B42AAF141A6B883818808F7E38F23"/>
    <w:rsid w:val="004E4F98"/>
    <w:pPr>
      <w:spacing w:after="0" w:line="160" w:lineRule="atLeast"/>
      <w:jc w:val="both"/>
    </w:pPr>
    <w:rPr>
      <w:rFonts w:ascii="Arial" w:eastAsiaTheme="minorHAnsi" w:hAnsi="Arial" w:cs="Arial"/>
      <w:sz w:val="12"/>
      <w:lang w:eastAsia="en-US"/>
    </w:rPr>
  </w:style>
  <w:style w:type="paragraph" w:customStyle="1" w:styleId="36A515937CE34571B569DF93F57D819F23">
    <w:name w:val="36A515937CE34571B569DF93F57D819F23"/>
    <w:rsid w:val="004E4F98"/>
    <w:pPr>
      <w:spacing w:after="0" w:line="160" w:lineRule="atLeast"/>
      <w:jc w:val="both"/>
    </w:pPr>
    <w:rPr>
      <w:rFonts w:ascii="Arial" w:eastAsiaTheme="minorHAnsi" w:hAnsi="Arial" w:cs="Arial"/>
      <w:sz w:val="12"/>
      <w:lang w:eastAsia="en-US"/>
    </w:rPr>
  </w:style>
  <w:style w:type="paragraph" w:customStyle="1" w:styleId="2F21205B5E9848E3BAE9C23BBFF7B7CE23">
    <w:name w:val="2F21205B5E9848E3BAE9C23BBFF7B7CE23"/>
    <w:rsid w:val="004E4F98"/>
    <w:pPr>
      <w:spacing w:after="0" w:line="160" w:lineRule="atLeast"/>
      <w:jc w:val="both"/>
    </w:pPr>
    <w:rPr>
      <w:rFonts w:ascii="Arial" w:eastAsiaTheme="minorHAnsi" w:hAnsi="Arial" w:cs="Arial"/>
      <w:sz w:val="12"/>
      <w:lang w:eastAsia="en-US"/>
    </w:rPr>
  </w:style>
  <w:style w:type="paragraph" w:customStyle="1" w:styleId="EAC3F4D4175546FC81D560C72545F8BB9">
    <w:name w:val="EAC3F4D4175546FC81D560C72545F8BB9"/>
    <w:rsid w:val="004E4F98"/>
    <w:pPr>
      <w:spacing w:after="0" w:line="160" w:lineRule="atLeast"/>
      <w:jc w:val="both"/>
    </w:pPr>
    <w:rPr>
      <w:rFonts w:ascii="Arial" w:eastAsiaTheme="minorHAnsi" w:hAnsi="Arial" w:cs="Arial"/>
      <w:sz w:val="12"/>
      <w:lang w:eastAsia="en-US"/>
    </w:rPr>
  </w:style>
  <w:style w:type="paragraph" w:customStyle="1" w:styleId="FBCBCFBDEBF1485D9A33C93C41C5A3405">
    <w:name w:val="FBCBCFBDEBF1485D9A33C93C41C5A3405"/>
    <w:rsid w:val="004E4F98"/>
    <w:pPr>
      <w:spacing w:after="0" w:line="160" w:lineRule="atLeast"/>
      <w:jc w:val="both"/>
    </w:pPr>
    <w:rPr>
      <w:rFonts w:ascii="Arial" w:eastAsiaTheme="minorHAnsi" w:hAnsi="Arial" w:cs="Arial"/>
      <w:sz w:val="12"/>
      <w:lang w:eastAsia="en-US"/>
    </w:rPr>
  </w:style>
  <w:style w:type="paragraph" w:customStyle="1" w:styleId="84B1DBD89ADC45639D7471298F0B164324">
    <w:name w:val="84B1DBD89ADC45639D7471298F0B164324"/>
    <w:rsid w:val="004A4650"/>
    <w:pPr>
      <w:spacing w:after="0" w:line="160" w:lineRule="atLeast"/>
      <w:jc w:val="both"/>
    </w:pPr>
    <w:rPr>
      <w:rFonts w:ascii="Arial" w:eastAsiaTheme="minorHAnsi" w:hAnsi="Arial" w:cs="Arial"/>
      <w:sz w:val="12"/>
      <w:lang w:eastAsia="en-US"/>
    </w:rPr>
  </w:style>
  <w:style w:type="paragraph" w:customStyle="1" w:styleId="6BCA5B42AAF141A6B883818808F7E38F24">
    <w:name w:val="6BCA5B42AAF141A6B883818808F7E38F24"/>
    <w:rsid w:val="004A4650"/>
    <w:pPr>
      <w:spacing w:after="0" w:line="160" w:lineRule="atLeast"/>
      <w:jc w:val="both"/>
    </w:pPr>
    <w:rPr>
      <w:rFonts w:ascii="Arial" w:eastAsiaTheme="minorHAnsi" w:hAnsi="Arial" w:cs="Arial"/>
      <w:sz w:val="12"/>
      <w:lang w:eastAsia="en-US"/>
    </w:rPr>
  </w:style>
  <w:style w:type="paragraph" w:customStyle="1" w:styleId="36A515937CE34571B569DF93F57D819F24">
    <w:name w:val="36A515937CE34571B569DF93F57D819F24"/>
    <w:rsid w:val="004A4650"/>
    <w:pPr>
      <w:spacing w:after="0" w:line="160" w:lineRule="atLeast"/>
      <w:jc w:val="both"/>
    </w:pPr>
    <w:rPr>
      <w:rFonts w:ascii="Arial" w:eastAsiaTheme="minorHAnsi" w:hAnsi="Arial" w:cs="Arial"/>
      <w:sz w:val="12"/>
      <w:lang w:eastAsia="en-US"/>
    </w:rPr>
  </w:style>
  <w:style w:type="paragraph" w:customStyle="1" w:styleId="2F21205B5E9848E3BAE9C23BBFF7B7CE24">
    <w:name w:val="2F21205B5E9848E3BAE9C23BBFF7B7CE24"/>
    <w:rsid w:val="004A4650"/>
    <w:pPr>
      <w:spacing w:after="0" w:line="160" w:lineRule="atLeast"/>
      <w:jc w:val="both"/>
    </w:pPr>
    <w:rPr>
      <w:rFonts w:ascii="Arial" w:eastAsiaTheme="minorHAnsi" w:hAnsi="Arial" w:cs="Arial"/>
      <w:sz w:val="12"/>
      <w:lang w:eastAsia="en-US"/>
    </w:rPr>
  </w:style>
  <w:style w:type="paragraph" w:customStyle="1" w:styleId="EAC3F4D4175546FC81D560C72545F8BB10">
    <w:name w:val="EAC3F4D4175546FC81D560C72545F8BB10"/>
    <w:rsid w:val="004A4650"/>
    <w:pPr>
      <w:spacing w:after="0" w:line="160" w:lineRule="atLeast"/>
      <w:jc w:val="both"/>
    </w:pPr>
    <w:rPr>
      <w:rFonts w:ascii="Arial" w:eastAsiaTheme="minorHAnsi" w:hAnsi="Arial" w:cs="Arial"/>
      <w:sz w:val="12"/>
      <w:lang w:eastAsia="en-US"/>
    </w:rPr>
  </w:style>
  <w:style w:type="paragraph" w:customStyle="1" w:styleId="FBCBCFBDEBF1485D9A33C93C41C5A3406">
    <w:name w:val="FBCBCFBDEBF1485D9A33C93C41C5A3406"/>
    <w:rsid w:val="004A4650"/>
    <w:pPr>
      <w:spacing w:after="0" w:line="160" w:lineRule="atLeast"/>
      <w:jc w:val="both"/>
    </w:pPr>
    <w:rPr>
      <w:rFonts w:ascii="Arial" w:eastAsiaTheme="minorHAnsi" w:hAnsi="Arial" w:cs="Arial"/>
      <w:sz w:val="12"/>
      <w:lang w:eastAsia="en-US"/>
    </w:rPr>
  </w:style>
  <w:style w:type="paragraph" w:customStyle="1" w:styleId="84B1DBD89ADC45639D7471298F0B164325">
    <w:name w:val="84B1DBD89ADC45639D7471298F0B164325"/>
    <w:rsid w:val="00573305"/>
    <w:pPr>
      <w:spacing w:after="0" w:line="160" w:lineRule="atLeast"/>
      <w:jc w:val="both"/>
    </w:pPr>
    <w:rPr>
      <w:rFonts w:ascii="Arial" w:eastAsiaTheme="minorHAnsi" w:hAnsi="Arial" w:cs="Arial"/>
      <w:sz w:val="12"/>
      <w:lang w:eastAsia="en-US"/>
    </w:rPr>
  </w:style>
  <w:style w:type="paragraph" w:customStyle="1" w:styleId="6BCA5B42AAF141A6B883818808F7E38F25">
    <w:name w:val="6BCA5B42AAF141A6B883818808F7E38F25"/>
    <w:rsid w:val="00573305"/>
    <w:pPr>
      <w:spacing w:after="0" w:line="160" w:lineRule="atLeast"/>
      <w:jc w:val="both"/>
    </w:pPr>
    <w:rPr>
      <w:rFonts w:ascii="Arial" w:eastAsiaTheme="minorHAnsi" w:hAnsi="Arial" w:cs="Arial"/>
      <w:sz w:val="12"/>
      <w:lang w:eastAsia="en-US"/>
    </w:rPr>
  </w:style>
  <w:style w:type="paragraph" w:customStyle="1" w:styleId="36A515937CE34571B569DF93F57D819F25">
    <w:name w:val="36A515937CE34571B569DF93F57D819F25"/>
    <w:rsid w:val="00573305"/>
    <w:pPr>
      <w:spacing w:after="0" w:line="160" w:lineRule="atLeast"/>
      <w:jc w:val="both"/>
    </w:pPr>
    <w:rPr>
      <w:rFonts w:ascii="Arial" w:eastAsiaTheme="minorHAnsi" w:hAnsi="Arial" w:cs="Arial"/>
      <w:sz w:val="12"/>
      <w:lang w:eastAsia="en-US"/>
    </w:rPr>
  </w:style>
  <w:style w:type="paragraph" w:customStyle="1" w:styleId="2F21205B5E9848E3BAE9C23BBFF7B7CE25">
    <w:name w:val="2F21205B5E9848E3BAE9C23BBFF7B7CE25"/>
    <w:rsid w:val="00573305"/>
    <w:pPr>
      <w:spacing w:after="0" w:line="160" w:lineRule="atLeast"/>
      <w:jc w:val="both"/>
    </w:pPr>
    <w:rPr>
      <w:rFonts w:ascii="Arial" w:eastAsiaTheme="minorHAnsi" w:hAnsi="Arial" w:cs="Arial"/>
      <w:sz w:val="12"/>
      <w:lang w:eastAsia="en-US"/>
    </w:rPr>
  </w:style>
  <w:style w:type="paragraph" w:customStyle="1" w:styleId="EAC3F4D4175546FC81D560C72545F8BB11">
    <w:name w:val="EAC3F4D4175546FC81D560C72545F8BB11"/>
    <w:rsid w:val="00573305"/>
    <w:pPr>
      <w:spacing w:after="0" w:line="160" w:lineRule="atLeast"/>
      <w:jc w:val="both"/>
    </w:pPr>
    <w:rPr>
      <w:rFonts w:ascii="Arial" w:eastAsiaTheme="minorHAnsi" w:hAnsi="Arial" w:cs="Arial"/>
      <w:sz w:val="12"/>
      <w:lang w:eastAsia="en-US"/>
    </w:rPr>
  </w:style>
  <w:style w:type="paragraph" w:customStyle="1" w:styleId="FBCBCFBDEBF1485D9A33C93C41C5A3407">
    <w:name w:val="FBCBCFBDEBF1485D9A33C93C41C5A3407"/>
    <w:rsid w:val="00573305"/>
    <w:pPr>
      <w:spacing w:after="0" w:line="160" w:lineRule="atLeast"/>
      <w:jc w:val="both"/>
    </w:pPr>
    <w:rPr>
      <w:rFonts w:ascii="Arial" w:eastAsiaTheme="minorHAnsi" w:hAnsi="Arial" w:cs="Arial"/>
      <w:sz w:val="12"/>
      <w:lang w:eastAsia="en-US"/>
    </w:rPr>
  </w:style>
  <w:style w:type="paragraph" w:customStyle="1" w:styleId="1B3A846367AC483F8FCBC367F5F661FF">
    <w:name w:val="1B3A846367AC483F8FCBC367F5F661FF"/>
    <w:rsid w:val="00171616"/>
    <w:pPr>
      <w:spacing w:after="0" w:line="160" w:lineRule="atLeast"/>
      <w:jc w:val="both"/>
    </w:pPr>
    <w:rPr>
      <w:rFonts w:ascii="Arial" w:eastAsiaTheme="minorHAnsi" w:hAnsi="Arial" w:cs="Arial"/>
      <w:sz w:val="12"/>
      <w:lang w:eastAsia="en-US"/>
    </w:rPr>
  </w:style>
  <w:style w:type="paragraph" w:customStyle="1" w:styleId="1E7206122934459B8CC2B7D80A62D167">
    <w:name w:val="1E7206122934459B8CC2B7D80A62D167"/>
    <w:rsid w:val="00171616"/>
    <w:pPr>
      <w:spacing w:after="0" w:line="160" w:lineRule="atLeast"/>
      <w:jc w:val="both"/>
    </w:pPr>
    <w:rPr>
      <w:rFonts w:ascii="Arial" w:eastAsiaTheme="minorHAnsi" w:hAnsi="Arial" w:cs="Arial"/>
      <w:sz w:val="12"/>
      <w:lang w:eastAsia="en-US"/>
    </w:rPr>
  </w:style>
  <w:style w:type="paragraph" w:customStyle="1" w:styleId="7B8F0020C4664414A124F38D9231F895">
    <w:name w:val="7B8F0020C4664414A124F38D9231F895"/>
    <w:rsid w:val="00171616"/>
    <w:pPr>
      <w:spacing w:after="0" w:line="160" w:lineRule="atLeast"/>
      <w:jc w:val="both"/>
    </w:pPr>
    <w:rPr>
      <w:rFonts w:ascii="Arial" w:eastAsiaTheme="minorHAnsi" w:hAnsi="Arial" w:cs="Arial"/>
      <w:sz w:val="12"/>
      <w:lang w:eastAsia="en-US"/>
    </w:rPr>
  </w:style>
  <w:style w:type="paragraph" w:customStyle="1" w:styleId="6586FC0D74CB4A73897A9155A20A0436">
    <w:name w:val="6586FC0D74CB4A73897A9155A20A0436"/>
    <w:rsid w:val="00171616"/>
    <w:pPr>
      <w:spacing w:after="0" w:line="160" w:lineRule="atLeast"/>
      <w:jc w:val="both"/>
    </w:pPr>
    <w:rPr>
      <w:rFonts w:ascii="Arial" w:eastAsiaTheme="minorHAnsi" w:hAnsi="Arial" w:cs="Arial"/>
      <w:sz w:val="12"/>
      <w:lang w:eastAsia="en-US"/>
    </w:rPr>
  </w:style>
  <w:style w:type="paragraph" w:customStyle="1" w:styleId="A692C6A17DB64BB9BD5EBE4CAF54BA77">
    <w:name w:val="A692C6A17DB64BB9BD5EBE4CAF54BA77"/>
    <w:rsid w:val="00171616"/>
    <w:pPr>
      <w:spacing w:after="0" w:line="160" w:lineRule="atLeast"/>
      <w:jc w:val="both"/>
    </w:pPr>
    <w:rPr>
      <w:rFonts w:ascii="Arial" w:eastAsiaTheme="minorHAnsi" w:hAnsi="Arial" w:cs="Arial"/>
      <w:sz w:val="12"/>
      <w:lang w:eastAsia="en-US"/>
    </w:rPr>
  </w:style>
  <w:style w:type="paragraph" w:customStyle="1" w:styleId="41ED758630BA447E8DCFD1D1E415974A">
    <w:name w:val="41ED758630BA447E8DCFD1D1E415974A"/>
    <w:rsid w:val="00171616"/>
    <w:pPr>
      <w:spacing w:after="0" w:line="160" w:lineRule="atLeast"/>
      <w:jc w:val="both"/>
    </w:pPr>
    <w:rPr>
      <w:rFonts w:ascii="Arial" w:eastAsiaTheme="minorHAnsi" w:hAnsi="Arial" w:cs="Arial"/>
      <w:sz w:val="12"/>
      <w:lang w:eastAsia="en-US"/>
    </w:rPr>
  </w:style>
  <w:style w:type="paragraph" w:customStyle="1" w:styleId="1B3A846367AC483F8FCBC367F5F661FF1">
    <w:name w:val="1B3A846367AC483F8FCBC367F5F661FF1"/>
    <w:rsid w:val="006A5AAD"/>
    <w:pPr>
      <w:spacing w:after="0" w:line="160" w:lineRule="atLeast"/>
      <w:jc w:val="both"/>
    </w:pPr>
    <w:rPr>
      <w:rFonts w:ascii="Arial" w:eastAsiaTheme="minorHAnsi" w:hAnsi="Arial" w:cs="Arial"/>
      <w:sz w:val="12"/>
      <w:lang w:eastAsia="en-US"/>
    </w:rPr>
  </w:style>
  <w:style w:type="paragraph" w:customStyle="1" w:styleId="1E7206122934459B8CC2B7D80A62D1671">
    <w:name w:val="1E7206122934459B8CC2B7D80A62D1671"/>
    <w:rsid w:val="006A5AAD"/>
    <w:pPr>
      <w:spacing w:after="0" w:line="160" w:lineRule="atLeast"/>
      <w:jc w:val="both"/>
    </w:pPr>
    <w:rPr>
      <w:rFonts w:ascii="Arial" w:eastAsiaTheme="minorHAnsi" w:hAnsi="Arial" w:cs="Arial"/>
      <w:sz w:val="12"/>
      <w:lang w:eastAsia="en-US"/>
    </w:rPr>
  </w:style>
  <w:style w:type="paragraph" w:customStyle="1" w:styleId="7B8F0020C4664414A124F38D9231F8951">
    <w:name w:val="7B8F0020C4664414A124F38D9231F8951"/>
    <w:rsid w:val="006A5AAD"/>
    <w:pPr>
      <w:spacing w:after="0" w:line="160" w:lineRule="atLeast"/>
      <w:jc w:val="both"/>
    </w:pPr>
    <w:rPr>
      <w:rFonts w:ascii="Arial" w:eastAsiaTheme="minorHAnsi" w:hAnsi="Arial" w:cs="Arial"/>
      <w:sz w:val="12"/>
      <w:lang w:eastAsia="en-US"/>
    </w:rPr>
  </w:style>
  <w:style w:type="paragraph" w:customStyle="1" w:styleId="6586FC0D74CB4A73897A9155A20A04361">
    <w:name w:val="6586FC0D74CB4A73897A9155A20A04361"/>
    <w:rsid w:val="006A5AAD"/>
    <w:pPr>
      <w:spacing w:after="0" w:line="160" w:lineRule="atLeast"/>
      <w:jc w:val="both"/>
    </w:pPr>
    <w:rPr>
      <w:rFonts w:ascii="Arial" w:eastAsiaTheme="minorHAnsi" w:hAnsi="Arial" w:cs="Arial"/>
      <w:sz w:val="12"/>
      <w:lang w:eastAsia="en-US"/>
    </w:rPr>
  </w:style>
  <w:style w:type="paragraph" w:customStyle="1" w:styleId="A692C6A17DB64BB9BD5EBE4CAF54BA771">
    <w:name w:val="A692C6A17DB64BB9BD5EBE4CAF54BA771"/>
    <w:rsid w:val="006A5AAD"/>
    <w:pPr>
      <w:spacing w:after="0" w:line="160" w:lineRule="atLeast"/>
      <w:jc w:val="both"/>
    </w:pPr>
    <w:rPr>
      <w:rFonts w:ascii="Arial" w:eastAsiaTheme="minorHAnsi" w:hAnsi="Arial" w:cs="Arial"/>
      <w:sz w:val="12"/>
      <w:lang w:eastAsia="en-US"/>
    </w:rPr>
  </w:style>
  <w:style w:type="paragraph" w:customStyle="1" w:styleId="41ED758630BA447E8DCFD1D1E415974A1">
    <w:name w:val="41ED758630BA447E8DCFD1D1E415974A1"/>
    <w:rsid w:val="006A5AAD"/>
    <w:pPr>
      <w:spacing w:after="0" w:line="160" w:lineRule="atLeast"/>
      <w:jc w:val="both"/>
    </w:pPr>
    <w:rPr>
      <w:rFonts w:ascii="Arial" w:eastAsiaTheme="minorHAnsi" w:hAnsi="Arial" w:cs="Arial"/>
      <w:sz w:val="12"/>
      <w:lang w:eastAsia="en-US"/>
    </w:rPr>
  </w:style>
  <w:style w:type="paragraph" w:customStyle="1" w:styleId="3645EF87F90C4A6B90E120E4C4B92F0F">
    <w:name w:val="3645EF87F90C4A6B90E120E4C4B92F0F"/>
    <w:rsid w:val="004B0536"/>
    <w:pPr>
      <w:spacing w:after="160" w:line="259" w:lineRule="auto"/>
    </w:pPr>
    <w:rPr>
      <w:lang w:val="da-DK" w:eastAsia="da-DK"/>
    </w:rPr>
  </w:style>
  <w:style w:type="paragraph" w:customStyle="1" w:styleId="DF909D0956B040389EDC69335A5A966E">
    <w:name w:val="DF909D0956B040389EDC69335A5A966E"/>
    <w:rsid w:val="004B0536"/>
    <w:pPr>
      <w:spacing w:after="160" w:line="259" w:lineRule="auto"/>
    </w:pPr>
    <w:rPr>
      <w:lang w:val="da-DK" w:eastAsia="da-DK"/>
    </w:rPr>
  </w:style>
  <w:style w:type="paragraph" w:customStyle="1" w:styleId="A4761DBC3EDA40DC85CD0D1EE04B9DB3">
    <w:name w:val="A4761DBC3EDA40DC85CD0D1EE04B9DB3"/>
    <w:rsid w:val="004B0536"/>
    <w:pPr>
      <w:spacing w:after="160" w:line="259" w:lineRule="auto"/>
    </w:pPr>
    <w:rPr>
      <w:lang w:val="da-DK" w:eastAsia="da-DK"/>
    </w:rPr>
  </w:style>
  <w:style w:type="paragraph" w:customStyle="1" w:styleId="9B4CE288569C423BA82408BC2061F43C">
    <w:name w:val="9B4CE288569C423BA82408BC2061F43C"/>
    <w:rsid w:val="004B0536"/>
    <w:pPr>
      <w:spacing w:after="160" w:line="259" w:lineRule="auto"/>
    </w:pPr>
    <w:rPr>
      <w:lang w:val="da-DK" w:eastAsia="da-DK"/>
    </w:rPr>
  </w:style>
  <w:style w:type="paragraph" w:customStyle="1" w:styleId="B76275950F2E4CD1ADAF6CA9E383E638">
    <w:name w:val="B76275950F2E4CD1ADAF6CA9E383E638"/>
    <w:rsid w:val="004B0536"/>
    <w:pPr>
      <w:spacing w:after="160" w:line="259" w:lineRule="auto"/>
    </w:pPr>
    <w:rPr>
      <w:lang w:val="da-DK" w:eastAsia="da-DK"/>
    </w:rPr>
  </w:style>
  <w:style w:type="paragraph" w:customStyle="1" w:styleId="9B56B9D5793546A28579ED4E734D8325">
    <w:name w:val="9B56B9D5793546A28579ED4E734D8325"/>
    <w:rsid w:val="004B0536"/>
    <w:pPr>
      <w:spacing w:after="160" w:line="259" w:lineRule="auto"/>
    </w:pPr>
    <w:rPr>
      <w:lang w:val="da-DK" w:eastAsia="da-DK"/>
    </w:rPr>
  </w:style>
  <w:style w:type="paragraph" w:customStyle="1" w:styleId="5348A1DB20F94D7DABE03FBD294592AF">
    <w:name w:val="5348A1DB20F94D7DABE03FBD294592AF"/>
    <w:rsid w:val="004B0536"/>
    <w:pPr>
      <w:spacing w:after="160" w:line="259" w:lineRule="auto"/>
    </w:pPr>
    <w:rPr>
      <w:lang w:val="da-DK" w:eastAsia="da-DK"/>
    </w:rPr>
  </w:style>
  <w:style w:type="paragraph" w:customStyle="1" w:styleId="B74A0920C5E5427E9CC98FD0FFB6704D">
    <w:name w:val="B74A0920C5E5427E9CC98FD0FFB6704D"/>
    <w:rsid w:val="004B0536"/>
    <w:pPr>
      <w:spacing w:after="160" w:line="259" w:lineRule="auto"/>
    </w:pPr>
    <w:rPr>
      <w:lang w:val="da-DK" w:eastAsia="da-DK"/>
    </w:rPr>
  </w:style>
  <w:style w:type="paragraph" w:customStyle="1" w:styleId="145ECC6453CD40629B31B6BB10F9F4FF">
    <w:name w:val="145ECC6453CD40629B31B6BB10F9F4FF"/>
    <w:rsid w:val="004B0536"/>
    <w:pPr>
      <w:spacing w:after="160" w:line="259" w:lineRule="auto"/>
    </w:pPr>
    <w:rPr>
      <w:lang w:val="da-DK" w:eastAsia="da-DK"/>
    </w:rPr>
  </w:style>
  <w:style w:type="paragraph" w:customStyle="1" w:styleId="F0471FC7F3E24A12BDB633EEF816DF17">
    <w:name w:val="F0471FC7F3E24A12BDB633EEF816DF17"/>
    <w:rsid w:val="004B0536"/>
    <w:pPr>
      <w:spacing w:after="160" w:line="259" w:lineRule="auto"/>
    </w:pPr>
    <w:rPr>
      <w:lang w:val="da-DK" w:eastAsia="da-DK"/>
    </w:rPr>
  </w:style>
  <w:style w:type="paragraph" w:customStyle="1" w:styleId="DD063D0610B24CC485B20C470AEA6B72">
    <w:name w:val="DD063D0610B24CC485B20C470AEA6B72"/>
    <w:rsid w:val="004B0536"/>
    <w:pPr>
      <w:spacing w:after="160" w:line="259" w:lineRule="auto"/>
    </w:pPr>
    <w:rPr>
      <w:lang w:val="da-DK" w:eastAsia="da-DK"/>
    </w:rPr>
  </w:style>
  <w:style w:type="paragraph" w:customStyle="1" w:styleId="1E02A633CD69409097B9E0A9758D68C7">
    <w:name w:val="1E02A633CD69409097B9E0A9758D68C7"/>
    <w:rsid w:val="004B0536"/>
    <w:pPr>
      <w:spacing w:after="160" w:line="259" w:lineRule="auto"/>
    </w:pPr>
    <w:rPr>
      <w:lang w:val="da-DK" w:eastAsia="da-DK"/>
    </w:rPr>
  </w:style>
  <w:style w:type="paragraph" w:customStyle="1" w:styleId="361201CB1B8A4B1B8EAB08B83A8B8EC6">
    <w:name w:val="361201CB1B8A4B1B8EAB08B83A8B8EC6"/>
    <w:rsid w:val="004B0536"/>
    <w:pPr>
      <w:spacing w:after="160" w:line="259" w:lineRule="auto"/>
    </w:pPr>
    <w:rPr>
      <w:lang w:val="da-DK" w:eastAsia="da-DK"/>
    </w:rPr>
  </w:style>
  <w:style w:type="paragraph" w:customStyle="1" w:styleId="53FC1254504A4EB38B5AB8C355AF73E9">
    <w:name w:val="53FC1254504A4EB38B5AB8C355AF73E9"/>
    <w:rsid w:val="004B0536"/>
    <w:pPr>
      <w:spacing w:after="160" w:line="259" w:lineRule="auto"/>
    </w:pPr>
    <w:rPr>
      <w:lang w:val="da-DK" w:eastAsia="da-DK"/>
    </w:rPr>
  </w:style>
  <w:style w:type="paragraph" w:customStyle="1" w:styleId="8F508815B738408BB6544DC8BE9EB63D">
    <w:name w:val="8F508815B738408BB6544DC8BE9EB63D"/>
    <w:rsid w:val="004B0536"/>
    <w:pPr>
      <w:spacing w:after="160" w:line="259" w:lineRule="auto"/>
    </w:pPr>
    <w:rPr>
      <w:lang w:val="da-DK" w:eastAsia="da-DK"/>
    </w:rPr>
  </w:style>
  <w:style w:type="paragraph" w:customStyle="1" w:styleId="DAB40E1E0471483095A3D31B94DADD2D">
    <w:name w:val="DAB40E1E0471483095A3D31B94DADD2D"/>
    <w:rsid w:val="004B0536"/>
    <w:pPr>
      <w:spacing w:after="160" w:line="259" w:lineRule="auto"/>
    </w:pPr>
    <w:rPr>
      <w:lang w:val="da-DK" w:eastAsia="da-DK"/>
    </w:rPr>
  </w:style>
  <w:style w:type="paragraph" w:customStyle="1" w:styleId="6F581FA5EE11402398609C8F1A23D090">
    <w:name w:val="6F581FA5EE11402398609C8F1A23D090"/>
    <w:rsid w:val="004B0536"/>
    <w:pPr>
      <w:spacing w:after="160" w:line="259" w:lineRule="auto"/>
    </w:pPr>
    <w:rPr>
      <w:lang w:val="da-DK" w:eastAsia="da-DK"/>
    </w:rPr>
  </w:style>
  <w:style w:type="paragraph" w:customStyle="1" w:styleId="AE32E19FD6084DC3B6D20E23229BDD68">
    <w:name w:val="AE32E19FD6084DC3B6D20E23229BDD68"/>
    <w:rsid w:val="004B0536"/>
    <w:pPr>
      <w:spacing w:after="160" w:line="259" w:lineRule="auto"/>
    </w:pPr>
    <w:rPr>
      <w:lang w:val="da-DK" w:eastAsia="da-DK"/>
    </w:rPr>
  </w:style>
  <w:style w:type="paragraph" w:customStyle="1" w:styleId="C6174BF279DF46338457D88CFB1CC566">
    <w:name w:val="C6174BF279DF46338457D88CFB1CC566"/>
    <w:rsid w:val="004B0536"/>
    <w:pPr>
      <w:spacing w:after="160" w:line="259" w:lineRule="auto"/>
    </w:pPr>
    <w:rPr>
      <w:lang w:val="da-DK" w:eastAsia="da-DK"/>
    </w:rPr>
  </w:style>
  <w:style w:type="paragraph" w:customStyle="1" w:styleId="035A912BA35E486D8327EC06CBF58353">
    <w:name w:val="035A912BA35E486D8327EC06CBF58353"/>
    <w:rsid w:val="004B0536"/>
    <w:pPr>
      <w:spacing w:after="160" w:line="259" w:lineRule="auto"/>
    </w:pPr>
    <w:rPr>
      <w:lang w:val="da-DK" w:eastAsia="da-DK"/>
    </w:rPr>
  </w:style>
  <w:style w:type="paragraph" w:customStyle="1" w:styleId="FC5872B73E8D480C87FC0A251B7C346B">
    <w:name w:val="FC5872B73E8D480C87FC0A251B7C346B"/>
    <w:rsid w:val="004B0536"/>
    <w:pPr>
      <w:spacing w:after="160" w:line="259" w:lineRule="auto"/>
    </w:pPr>
    <w:rPr>
      <w:lang w:val="da-DK" w:eastAsia="da-DK"/>
    </w:rPr>
  </w:style>
  <w:style w:type="paragraph" w:customStyle="1" w:styleId="9D1D1C8CE8484174A773F55E0914018F">
    <w:name w:val="9D1D1C8CE8484174A773F55E0914018F"/>
    <w:rsid w:val="004B0536"/>
    <w:pPr>
      <w:spacing w:after="160" w:line="259" w:lineRule="auto"/>
    </w:pPr>
    <w:rPr>
      <w:lang w:val="da-DK" w:eastAsia="da-DK"/>
    </w:rPr>
  </w:style>
  <w:style w:type="paragraph" w:customStyle="1" w:styleId="70B56994F7614114917DD6C2A129B434">
    <w:name w:val="70B56994F7614114917DD6C2A129B434"/>
    <w:rsid w:val="004B0536"/>
    <w:pPr>
      <w:spacing w:after="160" w:line="259" w:lineRule="auto"/>
    </w:pPr>
    <w:rPr>
      <w:lang w:val="da-DK" w:eastAsia="da-DK"/>
    </w:rPr>
  </w:style>
  <w:style w:type="paragraph" w:customStyle="1" w:styleId="0A4864FE342E4A3CB259B7357FA5C94D">
    <w:name w:val="0A4864FE342E4A3CB259B7357FA5C94D"/>
    <w:rsid w:val="004B0536"/>
    <w:pPr>
      <w:spacing w:after="160" w:line="259" w:lineRule="auto"/>
    </w:pPr>
    <w:rPr>
      <w:lang w:val="da-DK" w:eastAsia="da-DK"/>
    </w:rPr>
  </w:style>
  <w:style w:type="paragraph" w:customStyle="1" w:styleId="8F57814395E744BDABE337CE87197981">
    <w:name w:val="8F57814395E744BDABE337CE87197981"/>
    <w:rsid w:val="004B0536"/>
    <w:pPr>
      <w:spacing w:after="160" w:line="259" w:lineRule="auto"/>
    </w:pPr>
    <w:rPr>
      <w:lang w:val="da-DK" w:eastAsia="da-DK"/>
    </w:rPr>
  </w:style>
  <w:style w:type="paragraph" w:customStyle="1" w:styleId="93DC74DC68174FB7AFACF35FC845AE6D">
    <w:name w:val="93DC74DC68174FB7AFACF35FC845AE6D"/>
    <w:rsid w:val="004B0536"/>
    <w:pPr>
      <w:spacing w:after="160" w:line="259" w:lineRule="auto"/>
    </w:pPr>
    <w:rPr>
      <w:lang w:val="da-DK" w:eastAsia="da-DK"/>
    </w:rPr>
  </w:style>
  <w:style w:type="paragraph" w:customStyle="1" w:styleId="8F508815B738408BB6544DC8BE9EB63D1">
    <w:name w:val="8F508815B738408BB6544DC8BE9EB63D1"/>
    <w:rsid w:val="00CC06E2"/>
    <w:pPr>
      <w:spacing w:after="0" w:line="160" w:lineRule="atLeast"/>
      <w:jc w:val="both"/>
    </w:pPr>
    <w:rPr>
      <w:rFonts w:ascii="Arial" w:eastAsiaTheme="minorHAnsi" w:hAnsi="Arial" w:cs="Arial"/>
      <w:sz w:val="12"/>
      <w:lang w:eastAsia="en-US"/>
    </w:rPr>
  </w:style>
  <w:style w:type="paragraph" w:customStyle="1" w:styleId="DAB40E1E0471483095A3D31B94DADD2D1">
    <w:name w:val="DAB40E1E0471483095A3D31B94DADD2D1"/>
    <w:rsid w:val="00CC06E2"/>
    <w:pPr>
      <w:spacing w:after="0" w:line="160" w:lineRule="atLeast"/>
      <w:jc w:val="both"/>
    </w:pPr>
    <w:rPr>
      <w:rFonts w:ascii="Arial" w:eastAsiaTheme="minorHAnsi" w:hAnsi="Arial" w:cs="Arial"/>
      <w:sz w:val="12"/>
      <w:lang w:eastAsia="en-US"/>
    </w:rPr>
  </w:style>
  <w:style w:type="paragraph" w:customStyle="1" w:styleId="6F581FA5EE11402398609C8F1A23D0901">
    <w:name w:val="6F581FA5EE11402398609C8F1A23D0901"/>
    <w:rsid w:val="00CC06E2"/>
    <w:pPr>
      <w:spacing w:after="0" w:line="160" w:lineRule="atLeast"/>
      <w:jc w:val="both"/>
    </w:pPr>
    <w:rPr>
      <w:rFonts w:ascii="Arial" w:eastAsiaTheme="minorHAnsi" w:hAnsi="Arial" w:cs="Arial"/>
      <w:sz w:val="12"/>
      <w:lang w:eastAsia="en-US"/>
    </w:rPr>
  </w:style>
  <w:style w:type="paragraph" w:customStyle="1" w:styleId="AE32E19FD6084DC3B6D20E23229BDD681">
    <w:name w:val="AE32E19FD6084DC3B6D20E23229BDD681"/>
    <w:rsid w:val="00CC06E2"/>
    <w:pPr>
      <w:spacing w:after="0" w:line="160" w:lineRule="atLeast"/>
      <w:jc w:val="both"/>
    </w:pPr>
    <w:rPr>
      <w:rFonts w:ascii="Arial" w:eastAsiaTheme="minorHAnsi" w:hAnsi="Arial" w:cs="Arial"/>
      <w:sz w:val="12"/>
      <w:lang w:eastAsia="en-US"/>
    </w:rPr>
  </w:style>
  <w:style w:type="paragraph" w:customStyle="1" w:styleId="C6174BF279DF46338457D88CFB1CC5661">
    <w:name w:val="C6174BF279DF46338457D88CFB1CC5661"/>
    <w:rsid w:val="00CC06E2"/>
    <w:pPr>
      <w:spacing w:after="0" w:line="160" w:lineRule="atLeast"/>
      <w:jc w:val="both"/>
    </w:pPr>
    <w:rPr>
      <w:rFonts w:ascii="Arial" w:eastAsiaTheme="minorHAnsi" w:hAnsi="Arial" w:cs="Arial"/>
      <w:sz w:val="12"/>
      <w:lang w:eastAsia="en-US"/>
    </w:rPr>
  </w:style>
  <w:style w:type="paragraph" w:customStyle="1" w:styleId="035A912BA35E486D8327EC06CBF583531">
    <w:name w:val="035A912BA35E486D8327EC06CBF583531"/>
    <w:rsid w:val="00CC06E2"/>
    <w:pPr>
      <w:spacing w:after="0" w:line="160" w:lineRule="atLeast"/>
      <w:jc w:val="both"/>
    </w:pPr>
    <w:rPr>
      <w:rFonts w:ascii="Arial" w:eastAsiaTheme="minorHAnsi" w:hAnsi="Arial" w:cs="Arial"/>
      <w:sz w:val="12"/>
      <w:lang w:eastAsia="en-US"/>
    </w:rPr>
  </w:style>
  <w:style w:type="paragraph" w:customStyle="1" w:styleId="8F508815B738408BB6544DC8BE9EB63D2">
    <w:name w:val="8F508815B738408BB6544DC8BE9EB63D2"/>
    <w:rsid w:val="0088136C"/>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2">
    <w:name w:val="DAB40E1E0471483095A3D31B94DADD2D2"/>
    <w:rsid w:val="0088136C"/>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2">
    <w:name w:val="6F581FA5EE11402398609C8F1A23D0902"/>
    <w:rsid w:val="0088136C"/>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2">
    <w:name w:val="AE32E19FD6084DC3B6D20E23229BDD682"/>
    <w:rsid w:val="0088136C"/>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2">
    <w:name w:val="C6174BF279DF46338457D88CFB1CC5662"/>
    <w:rsid w:val="0088136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
    <w:name w:val="035A912BA35E486D8327EC06CBF583532"/>
    <w:rsid w:val="0088136C"/>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3">
    <w:name w:val="8F508815B738408BB6544DC8BE9EB63D3"/>
    <w:rsid w:val="00C447FB"/>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3">
    <w:name w:val="DAB40E1E0471483095A3D31B94DADD2D3"/>
    <w:rsid w:val="00C447FB"/>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3">
    <w:name w:val="6F581FA5EE11402398609C8F1A23D0903"/>
    <w:rsid w:val="00C447FB"/>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3">
    <w:name w:val="AE32E19FD6084DC3B6D20E23229BDD683"/>
    <w:rsid w:val="00C447FB"/>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3">
    <w:name w:val="C6174BF279DF46338457D88CFB1CC5663"/>
    <w:rsid w:val="00C447FB"/>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
    <w:name w:val="035A912BA35E486D8327EC06CBF583533"/>
    <w:rsid w:val="00C447FB"/>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4">
    <w:name w:val="8F508815B738408BB6544DC8BE9EB63D4"/>
    <w:rsid w:val="00FC374C"/>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4">
    <w:name w:val="DAB40E1E0471483095A3D31B94DADD2D4"/>
    <w:rsid w:val="00FC374C"/>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4">
    <w:name w:val="6F581FA5EE11402398609C8F1A23D0904"/>
    <w:rsid w:val="00FC374C"/>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4">
    <w:name w:val="AE32E19FD6084DC3B6D20E23229BDD684"/>
    <w:rsid w:val="00FC374C"/>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4">
    <w:name w:val="C6174BF279DF46338457D88CFB1CC5664"/>
    <w:rsid w:val="00FC374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
    <w:name w:val="035A912BA35E486D8327EC06CBF583534"/>
    <w:rsid w:val="00FC374C"/>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5">
    <w:name w:val="8F508815B738408BB6544DC8BE9EB63D5"/>
    <w:rsid w:val="001E20F7"/>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5">
    <w:name w:val="DAB40E1E0471483095A3D31B94DADD2D5"/>
    <w:rsid w:val="001E20F7"/>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5">
    <w:name w:val="6F581FA5EE11402398609C8F1A23D0905"/>
    <w:rsid w:val="001E20F7"/>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5">
    <w:name w:val="AE32E19FD6084DC3B6D20E23229BDD685"/>
    <w:rsid w:val="001E20F7"/>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5">
    <w:name w:val="C6174BF279DF46338457D88CFB1CC5665"/>
    <w:rsid w:val="001E20F7"/>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
    <w:name w:val="035A912BA35E486D8327EC06CBF583535"/>
    <w:rsid w:val="001E20F7"/>
    <w:pPr>
      <w:tabs>
        <w:tab w:val="left" w:pos="1418"/>
      </w:tabs>
      <w:spacing w:after="0" w:line="160" w:lineRule="atLeast"/>
      <w:jc w:val="both"/>
    </w:pPr>
    <w:rPr>
      <w:rFonts w:ascii="Arial" w:eastAsiaTheme="minorHAnsi" w:hAnsi="Arial" w:cs="Arial"/>
      <w:sz w:val="12"/>
      <w:lang w:eastAsia="en-US"/>
    </w:rPr>
  </w:style>
  <w:style w:type="paragraph" w:customStyle="1" w:styleId="E9F02034C4DA4B608710E8A8A151319A">
    <w:name w:val="E9F02034C4DA4B608710E8A8A151319A"/>
    <w:rsid w:val="001E20F7"/>
    <w:pPr>
      <w:spacing w:after="160" w:line="259" w:lineRule="auto"/>
    </w:pPr>
    <w:rPr>
      <w:lang w:val="da-DK" w:eastAsia="da-DK"/>
    </w:rPr>
  </w:style>
  <w:style w:type="paragraph" w:customStyle="1" w:styleId="8F508815B738408BB6544DC8BE9EB63D6">
    <w:name w:val="8F508815B738408BB6544DC8BE9EB63D6"/>
    <w:rsid w:val="00A1174E"/>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6">
    <w:name w:val="DAB40E1E0471483095A3D31B94DADD2D6"/>
    <w:rsid w:val="00A1174E"/>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6">
    <w:name w:val="6F581FA5EE11402398609C8F1A23D0906"/>
    <w:rsid w:val="00A1174E"/>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6">
    <w:name w:val="AE32E19FD6084DC3B6D20E23229BDD686"/>
    <w:rsid w:val="00A1174E"/>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6">
    <w:name w:val="C6174BF279DF46338457D88CFB1CC5666"/>
    <w:rsid w:val="00A1174E"/>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6">
    <w:name w:val="035A912BA35E486D8327EC06CBF583536"/>
    <w:rsid w:val="00A1174E"/>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7">
    <w:name w:val="8F508815B738408BB6544DC8BE9EB63D7"/>
    <w:rsid w:val="00E84F2C"/>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7">
    <w:name w:val="DAB40E1E0471483095A3D31B94DADD2D7"/>
    <w:rsid w:val="00E84F2C"/>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7">
    <w:name w:val="6F581FA5EE11402398609C8F1A23D0907"/>
    <w:rsid w:val="00E84F2C"/>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7">
    <w:name w:val="AE32E19FD6084DC3B6D20E23229BDD687"/>
    <w:rsid w:val="00E84F2C"/>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7">
    <w:name w:val="C6174BF279DF46338457D88CFB1CC5667"/>
    <w:rsid w:val="00E84F2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7">
    <w:name w:val="035A912BA35E486D8327EC06CBF583537"/>
    <w:rsid w:val="00E84F2C"/>
    <w:pPr>
      <w:tabs>
        <w:tab w:val="left" w:pos="1418"/>
      </w:tabs>
      <w:spacing w:after="0" w:line="160" w:lineRule="atLeast"/>
      <w:jc w:val="both"/>
    </w:pPr>
    <w:rPr>
      <w:rFonts w:ascii="Arial" w:eastAsiaTheme="minorHAnsi" w:hAnsi="Arial" w:cs="Arial"/>
      <w:sz w:val="12"/>
      <w:lang w:eastAsia="en-US"/>
    </w:rPr>
  </w:style>
  <w:style w:type="paragraph" w:customStyle="1" w:styleId="E205EDD6AD2F427D99E0B06DC0AC4538">
    <w:name w:val="E205EDD6AD2F427D99E0B06DC0AC4538"/>
    <w:rsid w:val="00E84F2C"/>
    <w:pPr>
      <w:spacing w:after="160" w:line="259" w:lineRule="auto"/>
    </w:pPr>
    <w:rPr>
      <w:lang w:val="da-DK" w:eastAsia="da-DK"/>
    </w:rPr>
  </w:style>
  <w:style w:type="paragraph" w:customStyle="1" w:styleId="9B20B63984E64AF484CE876030143C12">
    <w:name w:val="9B20B63984E64AF484CE876030143C12"/>
    <w:rsid w:val="00E84F2C"/>
    <w:pPr>
      <w:spacing w:after="160" w:line="259" w:lineRule="auto"/>
    </w:pPr>
    <w:rPr>
      <w:lang w:val="da-DK" w:eastAsia="da-DK"/>
    </w:rPr>
  </w:style>
  <w:style w:type="paragraph" w:customStyle="1" w:styleId="104D5395F1AC4D1B89B6DCFFECE89359">
    <w:name w:val="104D5395F1AC4D1B89B6DCFFECE89359"/>
    <w:rsid w:val="00E84F2C"/>
    <w:pPr>
      <w:spacing w:after="160" w:line="259" w:lineRule="auto"/>
    </w:pPr>
    <w:rPr>
      <w:lang w:val="da-DK" w:eastAsia="da-DK"/>
    </w:rPr>
  </w:style>
  <w:style w:type="paragraph" w:customStyle="1" w:styleId="B02F2C8D355F422EA10204E438E78712">
    <w:name w:val="B02F2C8D355F422EA10204E438E78712"/>
    <w:rsid w:val="00E84F2C"/>
    <w:pPr>
      <w:spacing w:after="160" w:line="259" w:lineRule="auto"/>
    </w:pPr>
    <w:rPr>
      <w:lang w:val="da-DK" w:eastAsia="da-DK"/>
    </w:rPr>
  </w:style>
  <w:style w:type="paragraph" w:customStyle="1" w:styleId="D1542AF3EAD64F27855134F66201B41C">
    <w:name w:val="D1542AF3EAD64F27855134F66201B41C"/>
    <w:rsid w:val="00E84F2C"/>
    <w:pPr>
      <w:spacing w:after="160" w:line="259" w:lineRule="auto"/>
    </w:pPr>
    <w:rPr>
      <w:lang w:val="da-DK" w:eastAsia="da-DK"/>
    </w:rPr>
  </w:style>
  <w:style w:type="paragraph" w:customStyle="1" w:styleId="3F97BBC42A3240579878493727F2BA8D">
    <w:name w:val="3F97BBC42A3240579878493727F2BA8D"/>
    <w:rsid w:val="00E84F2C"/>
    <w:pPr>
      <w:spacing w:after="160" w:line="259" w:lineRule="auto"/>
    </w:pPr>
    <w:rPr>
      <w:lang w:val="da-DK" w:eastAsia="da-DK"/>
    </w:rPr>
  </w:style>
  <w:style w:type="paragraph" w:customStyle="1" w:styleId="734D07EE7BE041AEAECEF350FF1E2CEE">
    <w:name w:val="734D07EE7BE041AEAECEF350FF1E2CEE"/>
    <w:rsid w:val="00E84F2C"/>
    <w:pPr>
      <w:spacing w:after="160" w:line="259" w:lineRule="auto"/>
    </w:pPr>
    <w:rPr>
      <w:lang w:val="da-DK" w:eastAsia="da-DK"/>
    </w:rPr>
  </w:style>
  <w:style w:type="paragraph" w:customStyle="1" w:styleId="BC53EB7652B149F980BD396F3D8F1C6C">
    <w:name w:val="BC53EB7652B149F980BD396F3D8F1C6C"/>
    <w:rsid w:val="00E84F2C"/>
    <w:pPr>
      <w:spacing w:after="160" w:line="259" w:lineRule="auto"/>
    </w:pPr>
    <w:rPr>
      <w:lang w:val="da-DK" w:eastAsia="da-DK"/>
    </w:rPr>
  </w:style>
  <w:style w:type="paragraph" w:customStyle="1" w:styleId="40FA0B3819A6429C9D14F004F4895050">
    <w:name w:val="40FA0B3819A6429C9D14F004F4895050"/>
    <w:rsid w:val="00E84F2C"/>
    <w:pPr>
      <w:spacing w:after="160" w:line="259" w:lineRule="auto"/>
    </w:pPr>
    <w:rPr>
      <w:lang w:val="da-DK" w:eastAsia="da-DK"/>
    </w:rPr>
  </w:style>
  <w:style w:type="paragraph" w:customStyle="1" w:styleId="8A01A79A70FC4B809C96CFA2F28B564A">
    <w:name w:val="8A01A79A70FC4B809C96CFA2F28B564A"/>
    <w:rsid w:val="00E84F2C"/>
    <w:pPr>
      <w:spacing w:after="160" w:line="259" w:lineRule="auto"/>
    </w:pPr>
    <w:rPr>
      <w:lang w:val="da-DK" w:eastAsia="da-DK"/>
    </w:rPr>
  </w:style>
  <w:style w:type="paragraph" w:customStyle="1" w:styleId="86935248D5BD410A942A0748468AAEF1">
    <w:name w:val="86935248D5BD410A942A0748468AAEF1"/>
    <w:rsid w:val="00E84F2C"/>
    <w:pPr>
      <w:spacing w:after="160" w:line="259" w:lineRule="auto"/>
    </w:pPr>
    <w:rPr>
      <w:lang w:val="da-DK" w:eastAsia="da-DK"/>
    </w:rPr>
  </w:style>
  <w:style w:type="paragraph" w:customStyle="1" w:styleId="838C29A49B9546E4A8C29FB49ADA5058">
    <w:name w:val="838C29A49B9546E4A8C29FB49ADA5058"/>
    <w:rsid w:val="00E84F2C"/>
    <w:pPr>
      <w:spacing w:after="160" w:line="259" w:lineRule="auto"/>
    </w:pPr>
    <w:rPr>
      <w:lang w:val="da-DK" w:eastAsia="da-DK"/>
    </w:rPr>
  </w:style>
  <w:style w:type="paragraph" w:customStyle="1" w:styleId="0505263D3D51479CA91EB14D15BE664B">
    <w:name w:val="0505263D3D51479CA91EB14D15BE664B"/>
    <w:rsid w:val="00E84F2C"/>
    <w:pPr>
      <w:spacing w:after="160" w:line="259" w:lineRule="auto"/>
    </w:pPr>
    <w:rPr>
      <w:lang w:val="da-DK" w:eastAsia="da-DK"/>
    </w:rPr>
  </w:style>
  <w:style w:type="paragraph" w:customStyle="1" w:styleId="E22C716F0B3D4985A8CD9A36B98995D6">
    <w:name w:val="E22C716F0B3D4985A8CD9A36B98995D6"/>
    <w:rsid w:val="00E84F2C"/>
    <w:pPr>
      <w:spacing w:after="160" w:line="259" w:lineRule="auto"/>
    </w:pPr>
    <w:rPr>
      <w:lang w:val="da-DK" w:eastAsia="da-DK"/>
    </w:rPr>
  </w:style>
  <w:style w:type="paragraph" w:customStyle="1" w:styleId="21930367CCD24992A1CD40FFF12832F3">
    <w:name w:val="21930367CCD24992A1CD40FFF12832F3"/>
    <w:rsid w:val="00E84F2C"/>
    <w:pPr>
      <w:spacing w:after="160" w:line="259" w:lineRule="auto"/>
    </w:pPr>
    <w:rPr>
      <w:lang w:val="da-DK" w:eastAsia="da-DK"/>
    </w:rPr>
  </w:style>
  <w:style w:type="paragraph" w:customStyle="1" w:styleId="8F508815B738408BB6544DC8BE9EB63D8">
    <w:name w:val="8F508815B738408BB6544DC8BE9EB63D8"/>
    <w:rsid w:val="00E84F2C"/>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8">
    <w:name w:val="DAB40E1E0471483095A3D31B94DADD2D8"/>
    <w:rsid w:val="00E84F2C"/>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8">
    <w:name w:val="6F581FA5EE11402398609C8F1A23D0908"/>
    <w:rsid w:val="00E84F2C"/>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8">
    <w:name w:val="AE32E19FD6084DC3B6D20E23229BDD688"/>
    <w:rsid w:val="00E84F2C"/>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8">
    <w:name w:val="C6174BF279DF46338457D88CFB1CC5668"/>
    <w:rsid w:val="00E84F2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8">
    <w:name w:val="035A912BA35E486D8327EC06CBF583538"/>
    <w:rsid w:val="00E84F2C"/>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9">
    <w:name w:val="8F508815B738408BB6544DC8BE9EB63D9"/>
    <w:rsid w:val="00E84F2C"/>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9">
    <w:name w:val="DAB40E1E0471483095A3D31B94DADD2D9"/>
    <w:rsid w:val="00E84F2C"/>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9">
    <w:name w:val="6F581FA5EE11402398609C8F1A23D0909"/>
    <w:rsid w:val="00E84F2C"/>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9">
    <w:name w:val="AE32E19FD6084DC3B6D20E23229BDD689"/>
    <w:rsid w:val="00E84F2C"/>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9">
    <w:name w:val="C6174BF279DF46338457D88CFB1CC5669"/>
    <w:rsid w:val="00E84F2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9">
    <w:name w:val="035A912BA35E486D8327EC06CBF583539"/>
    <w:rsid w:val="00E84F2C"/>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10">
    <w:name w:val="8F508815B738408BB6544DC8BE9EB63D10"/>
    <w:rsid w:val="00E84F2C"/>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10">
    <w:name w:val="DAB40E1E0471483095A3D31B94DADD2D10"/>
    <w:rsid w:val="00E84F2C"/>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10">
    <w:name w:val="6F581FA5EE11402398609C8F1A23D09010"/>
    <w:rsid w:val="00E84F2C"/>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10">
    <w:name w:val="AE32E19FD6084DC3B6D20E23229BDD6810"/>
    <w:rsid w:val="00E84F2C"/>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10">
    <w:name w:val="C6174BF279DF46338457D88CFB1CC56610"/>
    <w:rsid w:val="00E84F2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0">
    <w:name w:val="035A912BA35E486D8327EC06CBF5835310"/>
    <w:rsid w:val="00E84F2C"/>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11">
    <w:name w:val="8F508815B738408BB6544DC8BE9EB63D11"/>
    <w:rsid w:val="00935AA7"/>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11">
    <w:name w:val="DAB40E1E0471483095A3D31B94DADD2D11"/>
    <w:rsid w:val="00935AA7"/>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11">
    <w:name w:val="6F581FA5EE11402398609C8F1A23D09011"/>
    <w:rsid w:val="00935AA7"/>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11">
    <w:name w:val="AE32E19FD6084DC3B6D20E23229BDD6811"/>
    <w:rsid w:val="00935AA7"/>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11">
    <w:name w:val="C6174BF279DF46338457D88CFB1CC56611"/>
    <w:rsid w:val="00935AA7"/>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1">
    <w:name w:val="035A912BA35E486D8327EC06CBF5835311"/>
    <w:rsid w:val="00935AA7"/>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12">
    <w:name w:val="8F508815B738408BB6544DC8BE9EB63D12"/>
    <w:rsid w:val="009F7604"/>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12">
    <w:name w:val="DAB40E1E0471483095A3D31B94DADD2D12"/>
    <w:rsid w:val="009F7604"/>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12">
    <w:name w:val="6F581FA5EE11402398609C8F1A23D09012"/>
    <w:rsid w:val="009F7604"/>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12">
    <w:name w:val="AE32E19FD6084DC3B6D20E23229BDD6812"/>
    <w:rsid w:val="009F7604"/>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12">
    <w:name w:val="C6174BF279DF46338457D88CFB1CC56612"/>
    <w:rsid w:val="009F7604"/>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2">
    <w:name w:val="035A912BA35E486D8327EC06CBF5835312"/>
    <w:rsid w:val="009F7604"/>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13">
    <w:name w:val="8F508815B738408BB6544DC8BE9EB63D13"/>
    <w:rsid w:val="00525CC3"/>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13">
    <w:name w:val="DAB40E1E0471483095A3D31B94DADD2D13"/>
    <w:rsid w:val="00525CC3"/>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13">
    <w:name w:val="6F581FA5EE11402398609C8F1A23D09013"/>
    <w:rsid w:val="00525CC3"/>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13">
    <w:name w:val="AE32E19FD6084DC3B6D20E23229BDD6813"/>
    <w:rsid w:val="00525CC3"/>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13">
    <w:name w:val="C6174BF279DF46338457D88CFB1CC56613"/>
    <w:rsid w:val="00525CC3"/>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3">
    <w:name w:val="035A912BA35E486D8327EC06CBF5835313"/>
    <w:rsid w:val="00525CC3"/>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14">
    <w:name w:val="8F508815B738408BB6544DC8BE9EB63D14"/>
    <w:rsid w:val="00525CC3"/>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14">
    <w:name w:val="DAB40E1E0471483095A3D31B94DADD2D14"/>
    <w:rsid w:val="00525CC3"/>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14">
    <w:name w:val="6F581FA5EE11402398609C8F1A23D09014"/>
    <w:rsid w:val="00525CC3"/>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14">
    <w:name w:val="AE32E19FD6084DC3B6D20E23229BDD6814"/>
    <w:rsid w:val="00525CC3"/>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14">
    <w:name w:val="C6174BF279DF46338457D88CFB1CC56614"/>
    <w:rsid w:val="00525CC3"/>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4">
    <w:name w:val="035A912BA35E486D8327EC06CBF5835314"/>
    <w:rsid w:val="00525CC3"/>
    <w:pPr>
      <w:tabs>
        <w:tab w:val="left" w:pos="1418"/>
      </w:tabs>
      <w:spacing w:after="0" w:line="160" w:lineRule="atLeast"/>
      <w:jc w:val="both"/>
    </w:pPr>
    <w:rPr>
      <w:rFonts w:ascii="Arial" w:eastAsiaTheme="minorHAnsi" w:hAnsi="Arial" w:cs="Arial"/>
      <w:sz w:val="12"/>
      <w:lang w:eastAsia="en-US"/>
    </w:rPr>
  </w:style>
  <w:style w:type="paragraph" w:customStyle="1" w:styleId="8F508815B738408BB6544DC8BE9EB63D15">
    <w:name w:val="8F508815B738408BB6544DC8BE9EB63D15"/>
    <w:rsid w:val="00525CC3"/>
    <w:pPr>
      <w:tabs>
        <w:tab w:val="left" w:pos="1418"/>
      </w:tabs>
      <w:spacing w:after="0" w:line="160" w:lineRule="atLeast"/>
      <w:jc w:val="both"/>
    </w:pPr>
    <w:rPr>
      <w:rFonts w:ascii="Arial" w:eastAsiaTheme="minorHAnsi" w:hAnsi="Arial" w:cs="Arial"/>
      <w:sz w:val="12"/>
      <w:lang w:eastAsia="en-US"/>
    </w:rPr>
  </w:style>
  <w:style w:type="paragraph" w:customStyle="1" w:styleId="DAB40E1E0471483095A3D31B94DADD2D15">
    <w:name w:val="DAB40E1E0471483095A3D31B94DADD2D15"/>
    <w:rsid w:val="00525CC3"/>
    <w:pPr>
      <w:tabs>
        <w:tab w:val="left" w:pos="1418"/>
      </w:tabs>
      <w:spacing w:after="0" w:line="160" w:lineRule="atLeast"/>
      <w:jc w:val="both"/>
    </w:pPr>
    <w:rPr>
      <w:rFonts w:ascii="Arial" w:eastAsiaTheme="minorHAnsi" w:hAnsi="Arial" w:cs="Arial"/>
      <w:sz w:val="12"/>
      <w:lang w:eastAsia="en-US"/>
    </w:rPr>
  </w:style>
  <w:style w:type="paragraph" w:customStyle="1" w:styleId="6F581FA5EE11402398609C8F1A23D09015">
    <w:name w:val="6F581FA5EE11402398609C8F1A23D09015"/>
    <w:rsid w:val="00525CC3"/>
    <w:pPr>
      <w:tabs>
        <w:tab w:val="left" w:pos="1418"/>
      </w:tabs>
      <w:spacing w:after="0" w:line="160" w:lineRule="atLeast"/>
      <w:jc w:val="both"/>
    </w:pPr>
    <w:rPr>
      <w:rFonts w:ascii="Arial" w:eastAsiaTheme="minorHAnsi" w:hAnsi="Arial" w:cs="Arial"/>
      <w:sz w:val="12"/>
      <w:lang w:eastAsia="en-US"/>
    </w:rPr>
  </w:style>
  <w:style w:type="paragraph" w:customStyle="1" w:styleId="AE32E19FD6084DC3B6D20E23229BDD6815">
    <w:name w:val="AE32E19FD6084DC3B6D20E23229BDD6815"/>
    <w:rsid w:val="00525CC3"/>
    <w:pPr>
      <w:tabs>
        <w:tab w:val="left" w:pos="1418"/>
      </w:tabs>
      <w:spacing w:after="0" w:line="160" w:lineRule="atLeast"/>
      <w:jc w:val="both"/>
    </w:pPr>
    <w:rPr>
      <w:rFonts w:ascii="Arial" w:eastAsiaTheme="minorHAnsi" w:hAnsi="Arial" w:cs="Arial"/>
      <w:sz w:val="12"/>
      <w:lang w:eastAsia="en-US"/>
    </w:rPr>
  </w:style>
  <w:style w:type="paragraph" w:customStyle="1" w:styleId="C6174BF279DF46338457D88CFB1CC56615">
    <w:name w:val="C6174BF279DF46338457D88CFB1CC56615"/>
    <w:rsid w:val="00525CC3"/>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5">
    <w:name w:val="035A912BA35E486D8327EC06CBF5835315"/>
    <w:rsid w:val="00525CC3"/>
    <w:pPr>
      <w:tabs>
        <w:tab w:val="left" w:pos="1418"/>
      </w:tabs>
      <w:spacing w:after="0" w:line="160" w:lineRule="atLeast"/>
      <w:jc w:val="both"/>
    </w:pPr>
    <w:rPr>
      <w:rFonts w:ascii="Arial" w:eastAsiaTheme="minorHAnsi" w:hAnsi="Arial" w:cs="Arial"/>
      <w:sz w:val="12"/>
      <w:lang w:eastAsia="en-US"/>
    </w:rPr>
  </w:style>
  <w:style w:type="paragraph" w:customStyle="1" w:styleId="1B68D6368323483280FD11CF8F0D11D1">
    <w:name w:val="1B68D6368323483280FD11CF8F0D11D1"/>
    <w:rsid w:val="00525CC3"/>
    <w:pPr>
      <w:spacing w:after="160" w:line="259" w:lineRule="auto"/>
    </w:pPr>
    <w:rPr>
      <w:lang w:val="da-DK" w:eastAsia="da-DK"/>
    </w:rPr>
  </w:style>
  <w:style w:type="paragraph" w:customStyle="1" w:styleId="C551D5B8DA694511AA3C625EC9AC5CA1">
    <w:name w:val="C551D5B8DA694511AA3C625EC9AC5CA1"/>
    <w:rsid w:val="00525CC3"/>
    <w:pPr>
      <w:spacing w:after="160" w:line="259" w:lineRule="auto"/>
    </w:pPr>
    <w:rPr>
      <w:lang w:val="da-DK" w:eastAsia="da-DK"/>
    </w:rPr>
  </w:style>
  <w:style w:type="paragraph" w:customStyle="1" w:styleId="33D1A2F291454B43A77CC29DC2CB7753">
    <w:name w:val="33D1A2F291454B43A77CC29DC2CB7753"/>
    <w:rsid w:val="00525CC3"/>
    <w:pPr>
      <w:spacing w:after="160" w:line="259" w:lineRule="auto"/>
    </w:pPr>
    <w:rPr>
      <w:lang w:val="da-DK" w:eastAsia="da-DK"/>
    </w:rPr>
  </w:style>
  <w:style w:type="paragraph" w:customStyle="1" w:styleId="E2C52655502D4B9C886ED7BF19513FD2">
    <w:name w:val="E2C52655502D4B9C886ED7BF19513FD2"/>
    <w:rsid w:val="00525CC3"/>
    <w:pPr>
      <w:spacing w:after="160" w:line="259" w:lineRule="auto"/>
    </w:pPr>
    <w:rPr>
      <w:lang w:val="da-DK" w:eastAsia="da-DK"/>
    </w:rPr>
  </w:style>
  <w:style w:type="paragraph" w:customStyle="1" w:styleId="ED0C702C7C8144B6B245F114E1848AFB">
    <w:name w:val="ED0C702C7C8144B6B245F114E1848AFB"/>
    <w:rsid w:val="00525CC3"/>
    <w:pPr>
      <w:spacing w:after="160" w:line="259" w:lineRule="auto"/>
    </w:pPr>
    <w:rPr>
      <w:lang w:val="da-DK" w:eastAsia="da-DK"/>
    </w:rPr>
  </w:style>
  <w:style w:type="paragraph" w:customStyle="1" w:styleId="1B68D6368323483280FD11CF8F0D11D11">
    <w:name w:val="1B68D6368323483280FD11CF8F0D11D11"/>
    <w:rsid w:val="00525CC3"/>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
    <w:name w:val="C551D5B8DA694511AA3C625EC9AC5CA11"/>
    <w:rsid w:val="00525CC3"/>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
    <w:name w:val="33D1A2F291454B43A77CC29DC2CB77531"/>
    <w:rsid w:val="00525CC3"/>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
    <w:name w:val="E2C52655502D4B9C886ED7BF19513FD21"/>
    <w:rsid w:val="00525CC3"/>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
    <w:name w:val="ED0C702C7C8144B6B245F114E1848AFB1"/>
    <w:rsid w:val="00525CC3"/>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6">
    <w:name w:val="035A912BA35E486D8327EC06CBF5835316"/>
    <w:rsid w:val="00525CC3"/>
    <w:pPr>
      <w:tabs>
        <w:tab w:val="left" w:pos="1418"/>
      </w:tabs>
      <w:spacing w:after="0" w:line="160" w:lineRule="atLeast"/>
      <w:jc w:val="both"/>
    </w:pPr>
    <w:rPr>
      <w:rFonts w:ascii="Arial" w:eastAsiaTheme="minorHAnsi" w:hAnsi="Arial" w:cs="Arial"/>
      <w:sz w:val="12"/>
      <w:lang w:eastAsia="en-US"/>
    </w:rPr>
  </w:style>
  <w:style w:type="paragraph" w:customStyle="1" w:styleId="1B68D6368323483280FD11CF8F0D11D12">
    <w:name w:val="1B68D6368323483280FD11CF8F0D11D12"/>
    <w:rsid w:val="008F5265"/>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
    <w:name w:val="C551D5B8DA694511AA3C625EC9AC5CA12"/>
    <w:rsid w:val="008F5265"/>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
    <w:name w:val="33D1A2F291454B43A77CC29DC2CB77532"/>
    <w:rsid w:val="008F5265"/>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
    <w:name w:val="E2C52655502D4B9C886ED7BF19513FD22"/>
    <w:rsid w:val="008F5265"/>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
    <w:name w:val="ED0C702C7C8144B6B245F114E1848AFB2"/>
    <w:rsid w:val="008F5265"/>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7">
    <w:name w:val="035A912BA35E486D8327EC06CBF5835317"/>
    <w:rsid w:val="008F5265"/>
    <w:pPr>
      <w:tabs>
        <w:tab w:val="left" w:pos="1418"/>
      </w:tabs>
      <w:spacing w:after="0" w:line="160" w:lineRule="atLeast"/>
      <w:jc w:val="both"/>
    </w:pPr>
    <w:rPr>
      <w:rFonts w:ascii="Arial" w:eastAsiaTheme="minorHAnsi" w:hAnsi="Arial" w:cs="Arial"/>
      <w:sz w:val="12"/>
      <w:lang w:eastAsia="en-US"/>
    </w:rPr>
  </w:style>
  <w:style w:type="paragraph" w:customStyle="1" w:styleId="1B68D6368323483280FD11CF8F0D11D13">
    <w:name w:val="1B68D6368323483280FD11CF8F0D11D13"/>
    <w:rsid w:val="008F5265"/>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
    <w:name w:val="C551D5B8DA694511AA3C625EC9AC5CA13"/>
    <w:rsid w:val="008F5265"/>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
    <w:name w:val="33D1A2F291454B43A77CC29DC2CB77533"/>
    <w:rsid w:val="008F5265"/>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
    <w:name w:val="E2C52655502D4B9C886ED7BF19513FD23"/>
    <w:rsid w:val="008F5265"/>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
    <w:name w:val="ED0C702C7C8144B6B245F114E1848AFB3"/>
    <w:rsid w:val="008F5265"/>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8">
    <w:name w:val="035A912BA35E486D8327EC06CBF5835318"/>
    <w:rsid w:val="008F5265"/>
    <w:pPr>
      <w:tabs>
        <w:tab w:val="left" w:pos="1418"/>
      </w:tabs>
      <w:spacing w:after="0" w:line="160" w:lineRule="atLeast"/>
      <w:jc w:val="both"/>
    </w:pPr>
    <w:rPr>
      <w:rFonts w:ascii="Arial" w:eastAsiaTheme="minorHAnsi" w:hAnsi="Arial" w:cs="Arial"/>
      <w:sz w:val="12"/>
      <w:lang w:eastAsia="en-US"/>
    </w:rPr>
  </w:style>
  <w:style w:type="paragraph" w:customStyle="1" w:styleId="1B68D6368323483280FD11CF8F0D11D14">
    <w:name w:val="1B68D6368323483280FD11CF8F0D11D14"/>
    <w:rsid w:val="006B38C0"/>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4">
    <w:name w:val="C551D5B8DA694511AA3C625EC9AC5CA14"/>
    <w:rsid w:val="006B38C0"/>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4">
    <w:name w:val="33D1A2F291454B43A77CC29DC2CB77534"/>
    <w:rsid w:val="006B38C0"/>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4">
    <w:name w:val="E2C52655502D4B9C886ED7BF19513FD24"/>
    <w:rsid w:val="006B38C0"/>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4">
    <w:name w:val="ED0C702C7C8144B6B245F114E1848AFB4"/>
    <w:rsid w:val="006B38C0"/>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19">
    <w:name w:val="035A912BA35E486D8327EC06CBF5835319"/>
    <w:rsid w:val="006B38C0"/>
    <w:pPr>
      <w:tabs>
        <w:tab w:val="left" w:pos="1418"/>
      </w:tabs>
      <w:spacing w:after="0" w:line="160" w:lineRule="atLeast"/>
      <w:jc w:val="both"/>
    </w:pPr>
    <w:rPr>
      <w:rFonts w:ascii="Arial" w:eastAsiaTheme="minorHAnsi" w:hAnsi="Arial" w:cs="Arial"/>
      <w:sz w:val="12"/>
      <w:lang w:eastAsia="en-US"/>
    </w:rPr>
  </w:style>
  <w:style w:type="paragraph" w:customStyle="1" w:styleId="1B68D6368323483280FD11CF8F0D11D15">
    <w:name w:val="1B68D6368323483280FD11CF8F0D11D15"/>
    <w:rsid w:val="0084414A"/>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5">
    <w:name w:val="C551D5B8DA694511AA3C625EC9AC5CA15"/>
    <w:rsid w:val="0084414A"/>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5">
    <w:name w:val="33D1A2F291454B43A77CC29DC2CB77535"/>
    <w:rsid w:val="0084414A"/>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5">
    <w:name w:val="E2C52655502D4B9C886ED7BF19513FD25"/>
    <w:rsid w:val="0084414A"/>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5">
    <w:name w:val="ED0C702C7C8144B6B245F114E1848AFB5"/>
    <w:rsid w:val="0084414A"/>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0">
    <w:name w:val="035A912BA35E486D8327EC06CBF5835320"/>
    <w:rsid w:val="0084414A"/>
    <w:pPr>
      <w:tabs>
        <w:tab w:val="left" w:pos="1418"/>
      </w:tabs>
      <w:spacing w:after="0" w:line="160" w:lineRule="atLeast"/>
      <w:jc w:val="both"/>
    </w:pPr>
    <w:rPr>
      <w:rFonts w:ascii="Arial" w:eastAsiaTheme="minorHAnsi" w:hAnsi="Arial" w:cs="Arial"/>
      <w:sz w:val="12"/>
      <w:lang w:eastAsia="en-US"/>
    </w:rPr>
  </w:style>
  <w:style w:type="paragraph" w:customStyle="1" w:styleId="1B68D6368323483280FD11CF8F0D11D16">
    <w:name w:val="1B68D6368323483280FD11CF8F0D11D16"/>
    <w:rsid w:val="001E670B"/>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6">
    <w:name w:val="C551D5B8DA694511AA3C625EC9AC5CA16"/>
    <w:rsid w:val="001E670B"/>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6">
    <w:name w:val="33D1A2F291454B43A77CC29DC2CB77536"/>
    <w:rsid w:val="001E670B"/>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6">
    <w:name w:val="E2C52655502D4B9C886ED7BF19513FD26"/>
    <w:rsid w:val="001E670B"/>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6">
    <w:name w:val="ED0C702C7C8144B6B245F114E1848AFB6"/>
    <w:rsid w:val="001E670B"/>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1">
    <w:name w:val="035A912BA35E486D8327EC06CBF5835321"/>
    <w:rsid w:val="001E670B"/>
    <w:pPr>
      <w:tabs>
        <w:tab w:val="left" w:pos="1418"/>
      </w:tabs>
      <w:spacing w:after="0" w:line="160" w:lineRule="atLeast"/>
      <w:jc w:val="both"/>
    </w:pPr>
    <w:rPr>
      <w:rFonts w:ascii="Arial" w:eastAsiaTheme="minorHAnsi" w:hAnsi="Arial" w:cs="Arial"/>
      <w:sz w:val="12"/>
      <w:lang w:eastAsia="en-US"/>
    </w:rPr>
  </w:style>
  <w:style w:type="paragraph" w:customStyle="1" w:styleId="1B68D6368323483280FD11CF8F0D11D17">
    <w:name w:val="1B68D6368323483280FD11CF8F0D11D17"/>
    <w:rsid w:val="00FA1BA2"/>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7">
    <w:name w:val="C551D5B8DA694511AA3C625EC9AC5CA17"/>
    <w:rsid w:val="00FA1BA2"/>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7">
    <w:name w:val="33D1A2F291454B43A77CC29DC2CB77537"/>
    <w:rsid w:val="00FA1BA2"/>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7">
    <w:name w:val="E2C52655502D4B9C886ED7BF19513FD27"/>
    <w:rsid w:val="00FA1BA2"/>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7">
    <w:name w:val="ED0C702C7C8144B6B245F114E1848AFB7"/>
    <w:rsid w:val="00FA1BA2"/>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2">
    <w:name w:val="035A912BA35E486D8327EC06CBF5835322"/>
    <w:rsid w:val="00FA1BA2"/>
    <w:pPr>
      <w:tabs>
        <w:tab w:val="left" w:pos="1418"/>
      </w:tabs>
      <w:spacing w:after="0" w:line="160" w:lineRule="atLeast"/>
      <w:jc w:val="both"/>
    </w:pPr>
    <w:rPr>
      <w:rFonts w:ascii="Arial" w:eastAsiaTheme="minorHAnsi" w:hAnsi="Arial" w:cs="Arial"/>
      <w:sz w:val="12"/>
      <w:lang w:eastAsia="en-US"/>
    </w:rPr>
  </w:style>
  <w:style w:type="paragraph" w:customStyle="1" w:styleId="1B68D6368323483280FD11CF8F0D11D18">
    <w:name w:val="1B68D6368323483280FD11CF8F0D11D18"/>
    <w:rsid w:val="00E250A4"/>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8">
    <w:name w:val="C551D5B8DA694511AA3C625EC9AC5CA18"/>
    <w:rsid w:val="00E250A4"/>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8">
    <w:name w:val="33D1A2F291454B43A77CC29DC2CB77538"/>
    <w:rsid w:val="00E250A4"/>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8">
    <w:name w:val="E2C52655502D4B9C886ED7BF19513FD28"/>
    <w:rsid w:val="00E250A4"/>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8">
    <w:name w:val="ED0C702C7C8144B6B245F114E1848AFB8"/>
    <w:rsid w:val="00E250A4"/>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3">
    <w:name w:val="035A912BA35E486D8327EC06CBF5835323"/>
    <w:rsid w:val="00E250A4"/>
    <w:pPr>
      <w:tabs>
        <w:tab w:val="left" w:pos="1418"/>
      </w:tabs>
      <w:spacing w:after="0" w:line="160" w:lineRule="atLeast"/>
      <w:jc w:val="both"/>
    </w:pPr>
    <w:rPr>
      <w:rFonts w:ascii="Arial" w:eastAsiaTheme="minorHAnsi" w:hAnsi="Arial" w:cs="Arial"/>
      <w:sz w:val="12"/>
      <w:lang w:eastAsia="en-US"/>
    </w:rPr>
  </w:style>
  <w:style w:type="paragraph" w:customStyle="1" w:styleId="64DC50B5FC744AF2B9E92CC863D53FF1">
    <w:name w:val="64DC50B5FC744AF2B9E92CC863D53FF1"/>
    <w:rsid w:val="00E250A4"/>
    <w:pPr>
      <w:spacing w:after="160" w:line="259" w:lineRule="auto"/>
    </w:pPr>
    <w:rPr>
      <w:lang w:val="da-DK" w:eastAsia="da-DK"/>
    </w:rPr>
  </w:style>
  <w:style w:type="paragraph" w:customStyle="1" w:styleId="C73AEDA6A10A499BA5E90F150277AF33">
    <w:name w:val="C73AEDA6A10A499BA5E90F150277AF33"/>
    <w:rsid w:val="00E250A4"/>
    <w:pPr>
      <w:spacing w:after="160" w:line="259" w:lineRule="auto"/>
    </w:pPr>
    <w:rPr>
      <w:lang w:val="da-DK" w:eastAsia="da-DK"/>
    </w:rPr>
  </w:style>
  <w:style w:type="paragraph" w:customStyle="1" w:styleId="8C596F3E5D8B49BE9F48BF47831B88B0">
    <w:name w:val="8C596F3E5D8B49BE9F48BF47831B88B0"/>
    <w:rsid w:val="00E250A4"/>
    <w:pPr>
      <w:spacing w:after="160" w:line="259" w:lineRule="auto"/>
    </w:pPr>
    <w:rPr>
      <w:lang w:val="da-DK" w:eastAsia="da-DK"/>
    </w:rPr>
  </w:style>
  <w:style w:type="paragraph" w:customStyle="1" w:styleId="18FCD192D6544BB58B2197195C8B23C6">
    <w:name w:val="18FCD192D6544BB58B2197195C8B23C6"/>
    <w:rsid w:val="00E250A4"/>
    <w:pPr>
      <w:spacing w:after="160" w:line="259" w:lineRule="auto"/>
    </w:pPr>
    <w:rPr>
      <w:lang w:val="da-DK" w:eastAsia="da-DK"/>
    </w:rPr>
  </w:style>
  <w:style w:type="paragraph" w:customStyle="1" w:styleId="218D0C2BBF9F4CA0A3E52031C7B210F3">
    <w:name w:val="218D0C2BBF9F4CA0A3E52031C7B210F3"/>
    <w:rsid w:val="00E250A4"/>
    <w:pPr>
      <w:spacing w:after="160" w:line="259" w:lineRule="auto"/>
    </w:pPr>
    <w:rPr>
      <w:lang w:val="da-DK" w:eastAsia="da-DK"/>
    </w:rPr>
  </w:style>
  <w:style w:type="paragraph" w:customStyle="1" w:styleId="BC9905D19C594B46BEAB1576014546DF">
    <w:name w:val="BC9905D19C594B46BEAB1576014546DF"/>
    <w:rsid w:val="00E250A4"/>
    <w:pPr>
      <w:spacing w:after="160" w:line="259" w:lineRule="auto"/>
    </w:pPr>
    <w:rPr>
      <w:lang w:val="da-DK" w:eastAsia="da-DK"/>
    </w:rPr>
  </w:style>
  <w:style w:type="paragraph" w:customStyle="1" w:styleId="42E5088CE1F2451CB04B21292A0C297F">
    <w:name w:val="42E5088CE1F2451CB04B21292A0C297F"/>
    <w:rsid w:val="00E250A4"/>
    <w:pPr>
      <w:spacing w:after="160" w:line="259" w:lineRule="auto"/>
    </w:pPr>
    <w:rPr>
      <w:lang w:val="da-DK" w:eastAsia="da-DK"/>
    </w:rPr>
  </w:style>
  <w:style w:type="paragraph" w:customStyle="1" w:styleId="7F221706F96D46D2831AC98B9B32DB0D">
    <w:name w:val="7F221706F96D46D2831AC98B9B32DB0D"/>
    <w:rsid w:val="00E250A4"/>
    <w:pPr>
      <w:spacing w:after="160" w:line="259" w:lineRule="auto"/>
    </w:pPr>
    <w:rPr>
      <w:lang w:val="da-DK" w:eastAsia="da-DK"/>
    </w:rPr>
  </w:style>
  <w:style w:type="paragraph" w:customStyle="1" w:styleId="8854733F1F0E4A64A8C9FDFE24E77C91">
    <w:name w:val="8854733F1F0E4A64A8C9FDFE24E77C91"/>
    <w:rsid w:val="00E250A4"/>
    <w:pPr>
      <w:spacing w:after="160" w:line="259" w:lineRule="auto"/>
    </w:pPr>
    <w:rPr>
      <w:lang w:val="da-DK" w:eastAsia="da-DK"/>
    </w:rPr>
  </w:style>
  <w:style w:type="paragraph" w:customStyle="1" w:styleId="7FE6CE2191264421850AFC643888FA95">
    <w:name w:val="7FE6CE2191264421850AFC643888FA95"/>
    <w:rsid w:val="00E250A4"/>
    <w:pPr>
      <w:spacing w:after="160" w:line="259" w:lineRule="auto"/>
    </w:pPr>
    <w:rPr>
      <w:lang w:val="da-DK" w:eastAsia="da-DK"/>
    </w:rPr>
  </w:style>
  <w:style w:type="paragraph" w:customStyle="1" w:styleId="D1E0949FE54F42AFAE3D0C4891C68A36">
    <w:name w:val="D1E0949FE54F42AFAE3D0C4891C68A36"/>
    <w:rsid w:val="00E250A4"/>
    <w:pPr>
      <w:spacing w:after="160" w:line="259" w:lineRule="auto"/>
    </w:pPr>
    <w:rPr>
      <w:lang w:val="da-DK" w:eastAsia="da-DK"/>
    </w:rPr>
  </w:style>
  <w:style w:type="paragraph" w:customStyle="1" w:styleId="B3FED480E13F4E3FBD9A23FCCAB940A9">
    <w:name w:val="B3FED480E13F4E3FBD9A23FCCAB940A9"/>
    <w:rsid w:val="00E250A4"/>
    <w:pPr>
      <w:spacing w:after="160" w:line="259" w:lineRule="auto"/>
    </w:pPr>
    <w:rPr>
      <w:lang w:val="da-DK" w:eastAsia="da-DK"/>
    </w:rPr>
  </w:style>
  <w:style w:type="paragraph" w:customStyle="1" w:styleId="9CEF51183AFA4437BE128D1B09858C72">
    <w:name w:val="9CEF51183AFA4437BE128D1B09858C72"/>
    <w:rsid w:val="00E250A4"/>
    <w:pPr>
      <w:spacing w:after="160" w:line="259" w:lineRule="auto"/>
    </w:pPr>
    <w:rPr>
      <w:lang w:val="da-DK" w:eastAsia="da-DK"/>
    </w:rPr>
  </w:style>
  <w:style w:type="paragraph" w:customStyle="1" w:styleId="3A08CF236BB24E7D937791DA598F8F5C">
    <w:name w:val="3A08CF236BB24E7D937791DA598F8F5C"/>
    <w:rsid w:val="00E250A4"/>
    <w:pPr>
      <w:spacing w:after="160" w:line="259" w:lineRule="auto"/>
    </w:pPr>
    <w:rPr>
      <w:lang w:val="da-DK" w:eastAsia="da-DK"/>
    </w:rPr>
  </w:style>
  <w:style w:type="paragraph" w:customStyle="1" w:styleId="ED25491F1F594A9B89E31E81FBBC1BD9">
    <w:name w:val="ED25491F1F594A9B89E31E81FBBC1BD9"/>
    <w:rsid w:val="00E250A4"/>
    <w:pPr>
      <w:spacing w:after="160" w:line="259" w:lineRule="auto"/>
    </w:pPr>
    <w:rPr>
      <w:lang w:val="da-DK" w:eastAsia="da-DK"/>
    </w:rPr>
  </w:style>
  <w:style w:type="paragraph" w:customStyle="1" w:styleId="238CFD7F41A249DD8AE11DCF9A7B1B5E">
    <w:name w:val="238CFD7F41A249DD8AE11DCF9A7B1B5E"/>
    <w:rsid w:val="00E250A4"/>
    <w:pPr>
      <w:spacing w:after="160" w:line="259" w:lineRule="auto"/>
    </w:pPr>
    <w:rPr>
      <w:lang w:val="da-DK" w:eastAsia="da-DK"/>
    </w:rPr>
  </w:style>
  <w:style w:type="paragraph" w:customStyle="1" w:styleId="4C431A50CAAB4C08B0B5547B5B18DEA1">
    <w:name w:val="4C431A50CAAB4C08B0B5547B5B18DEA1"/>
    <w:rsid w:val="00E250A4"/>
    <w:pPr>
      <w:spacing w:after="160" w:line="259" w:lineRule="auto"/>
    </w:pPr>
    <w:rPr>
      <w:lang w:val="da-DK" w:eastAsia="da-DK"/>
    </w:rPr>
  </w:style>
  <w:style w:type="paragraph" w:customStyle="1" w:styleId="3DFF7B8B2B8842BA973E7B01E6845EC4">
    <w:name w:val="3DFF7B8B2B8842BA973E7B01E6845EC4"/>
    <w:rsid w:val="00E250A4"/>
    <w:pPr>
      <w:spacing w:after="160" w:line="259" w:lineRule="auto"/>
    </w:pPr>
    <w:rPr>
      <w:lang w:val="da-DK" w:eastAsia="da-DK"/>
    </w:rPr>
  </w:style>
  <w:style w:type="paragraph" w:customStyle="1" w:styleId="294CF6E6CCA941729D83F25B288B6BB0">
    <w:name w:val="294CF6E6CCA941729D83F25B288B6BB0"/>
    <w:rsid w:val="00E250A4"/>
    <w:pPr>
      <w:spacing w:after="160" w:line="259" w:lineRule="auto"/>
    </w:pPr>
    <w:rPr>
      <w:lang w:val="da-DK" w:eastAsia="da-DK"/>
    </w:rPr>
  </w:style>
  <w:style w:type="paragraph" w:customStyle="1" w:styleId="C0F7514887DC4F78910FC09E09748C0F">
    <w:name w:val="C0F7514887DC4F78910FC09E09748C0F"/>
    <w:rsid w:val="00E250A4"/>
    <w:pPr>
      <w:spacing w:after="160" w:line="259" w:lineRule="auto"/>
    </w:pPr>
    <w:rPr>
      <w:lang w:val="da-DK" w:eastAsia="da-DK"/>
    </w:rPr>
  </w:style>
  <w:style w:type="paragraph" w:customStyle="1" w:styleId="8F03384EC86549C3B8492228088B9AC3">
    <w:name w:val="8F03384EC86549C3B8492228088B9AC3"/>
    <w:rsid w:val="00E250A4"/>
    <w:pPr>
      <w:spacing w:after="160" w:line="259" w:lineRule="auto"/>
    </w:pPr>
    <w:rPr>
      <w:lang w:val="da-DK" w:eastAsia="da-DK"/>
    </w:rPr>
  </w:style>
  <w:style w:type="paragraph" w:customStyle="1" w:styleId="926610B5D3FD4A9DAC539DF17408DB37">
    <w:name w:val="926610B5D3FD4A9DAC539DF17408DB37"/>
    <w:rsid w:val="00E250A4"/>
    <w:pPr>
      <w:spacing w:after="160" w:line="259" w:lineRule="auto"/>
    </w:pPr>
    <w:rPr>
      <w:lang w:val="da-DK" w:eastAsia="da-DK"/>
    </w:rPr>
  </w:style>
  <w:style w:type="paragraph" w:customStyle="1" w:styleId="33EFAA6F5E5D49BDBC6FE59741569689">
    <w:name w:val="33EFAA6F5E5D49BDBC6FE59741569689"/>
    <w:rsid w:val="00E250A4"/>
    <w:pPr>
      <w:spacing w:after="160" w:line="259" w:lineRule="auto"/>
    </w:pPr>
    <w:rPr>
      <w:lang w:val="da-DK" w:eastAsia="da-DK"/>
    </w:rPr>
  </w:style>
  <w:style w:type="paragraph" w:customStyle="1" w:styleId="BAA6D9F5341D43B1915840ECA243B52A">
    <w:name w:val="BAA6D9F5341D43B1915840ECA243B52A"/>
    <w:rsid w:val="00E250A4"/>
    <w:pPr>
      <w:spacing w:after="160" w:line="259" w:lineRule="auto"/>
    </w:pPr>
    <w:rPr>
      <w:lang w:val="da-DK" w:eastAsia="da-DK"/>
    </w:rPr>
  </w:style>
  <w:style w:type="paragraph" w:customStyle="1" w:styleId="0CF06409ED0140819F2876C8679BF6B3">
    <w:name w:val="0CF06409ED0140819F2876C8679BF6B3"/>
    <w:rsid w:val="00E250A4"/>
    <w:pPr>
      <w:spacing w:after="160" w:line="259" w:lineRule="auto"/>
    </w:pPr>
    <w:rPr>
      <w:lang w:val="da-DK" w:eastAsia="da-DK"/>
    </w:rPr>
  </w:style>
  <w:style w:type="paragraph" w:customStyle="1" w:styleId="6FA7A5D57A7445429B36CC6DB97DA450">
    <w:name w:val="6FA7A5D57A7445429B36CC6DB97DA450"/>
    <w:rsid w:val="00E250A4"/>
    <w:pPr>
      <w:spacing w:after="160" w:line="259" w:lineRule="auto"/>
    </w:pPr>
    <w:rPr>
      <w:lang w:val="da-DK" w:eastAsia="da-DK"/>
    </w:rPr>
  </w:style>
  <w:style w:type="paragraph" w:customStyle="1" w:styleId="4D2579C4A1134F369A3DBEF5CA647283">
    <w:name w:val="4D2579C4A1134F369A3DBEF5CA647283"/>
    <w:rsid w:val="00E250A4"/>
    <w:pPr>
      <w:spacing w:after="160" w:line="259" w:lineRule="auto"/>
    </w:pPr>
    <w:rPr>
      <w:lang w:val="da-DK" w:eastAsia="da-DK"/>
    </w:rPr>
  </w:style>
  <w:style w:type="paragraph" w:customStyle="1" w:styleId="B5D192110CDC49278641230263EDAF14">
    <w:name w:val="B5D192110CDC49278641230263EDAF14"/>
    <w:rsid w:val="00E250A4"/>
    <w:pPr>
      <w:spacing w:after="160" w:line="259" w:lineRule="auto"/>
    </w:pPr>
    <w:rPr>
      <w:lang w:val="da-DK" w:eastAsia="da-DK"/>
    </w:rPr>
  </w:style>
  <w:style w:type="paragraph" w:customStyle="1" w:styleId="B8E5C052BBCF4A0385643EAA81E71BAC">
    <w:name w:val="B8E5C052BBCF4A0385643EAA81E71BAC"/>
    <w:rsid w:val="00E250A4"/>
    <w:pPr>
      <w:spacing w:after="160" w:line="259" w:lineRule="auto"/>
    </w:pPr>
    <w:rPr>
      <w:lang w:val="da-DK" w:eastAsia="da-DK"/>
    </w:rPr>
  </w:style>
  <w:style w:type="paragraph" w:customStyle="1" w:styleId="DEEA2CC6B47B4D3493EFFA89A4A69EE5">
    <w:name w:val="DEEA2CC6B47B4D3493EFFA89A4A69EE5"/>
    <w:rsid w:val="00E250A4"/>
    <w:pPr>
      <w:spacing w:after="160" w:line="259" w:lineRule="auto"/>
    </w:pPr>
    <w:rPr>
      <w:lang w:val="da-DK" w:eastAsia="da-DK"/>
    </w:rPr>
  </w:style>
  <w:style w:type="paragraph" w:customStyle="1" w:styleId="BCDD4720944C4B18B40E6BF6DBBC4F60">
    <w:name w:val="BCDD4720944C4B18B40E6BF6DBBC4F60"/>
    <w:rsid w:val="00E250A4"/>
    <w:pPr>
      <w:spacing w:after="160" w:line="259" w:lineRule="auto"/>
    </w:pPr>
    <w:rPr>
      <w:lang w:val="da-DK" w:eastAsia="da-DK"/>
    </w:rPr>
  </w:style>
  <w:style w:type="paragraph" w:customStyle="1" w:styleId="5E8A30D920974A6FA58536323856B07C">
    <w:name w:val="5E8A30D920974A6FA58536323856B07C"/>
    <w:rsid w:val="00E250A4"/>
    <w:pPr>
      <w:spacing w:after="160" w:line="259" w:lineRule="auto"/>
    </w:pPr>
    <w:rPr>
      <w:lang w:val="da-DK" w:eastAsia="da-DK"/>
    </w:rPr>
  </w:style>
  <w:style w:type="paragraph" w:customStyle="1" w:styleId="4011D8091EA44AC3B333998412EA8041">
    <w:name w:val="4011D8091EA44AC3B333998412EA8041"/>
    <w:rsid w:val="00E250A4"/>
    <w:pPr>
      <w:spacing w:after="160" w:line="259" w:lineRule="auto"/>
    </w:pPr>
    <w:rPr>
      <w:lang w:val="da-DK" w:eastAsia="da-DK"/>
    </w:rPr>
  </w:style>
  <w:style w:type="paragraph" w:customStyle="1" w:styleId="590A33EF06B047509CDD464435D63BA2">
    <w:name w:val="590A33EF06B047509CDD464435D63BA2"/>
    <w:rsid w:val="00E250A4"/>
    <w:pPr>
      <w:spacing w:after="160" w:line="259" w:lineRule="auto"/>
    </w:pPr>
    <w:rPr>
      <w:lang w:val="da-DK" w:eastAsia="da-DK"/>
    </w:rPr>
  </w:style>
  <w:style w:type="paragraph" w:customStyle="1" w:styleId="98BD7F90DB534293B35BE8CB8F9EBE35">
    <w:name w:val="98BD7F90DB534293B35BE8CB8F9EBE35"/>
    <w:rsid w:val="00E250A4"/>
    <w:pPr>
      <w:spacing w:after="160" w:line="259" w:lineRule="auto"/>
    </w:pPr>
    <w:rPr>
      <w:lang w:val="da-DK" w:eastAsia="da-DK"/>
    </w:rPr>
  </w:style>
  <w:style w:type="paragraph" w:customStyle="1" w:styleId="5259F19C4BA34C1F89F6FF7DE3E2F972">
    <w:name w:val="5259F19C4BA34C1F89F6FF7DE3E2F972"/>
    <w:rsid w:val="00E250A4"/>
    <w:pPr>
      <w:spacing w:after="160" w:line="259" w:lineRule="auto"/>
    </w:pPr>
    <w:rPr>
      <w:lang w:val="da-DK" w:eastAsia="da-DK"/>
    </w:rPr>
  </w:style>
  <w:style w:type="paragraph" w:customStyle="1" w:styleId="7A57F5DFC06442299FF1FF83FC83F819">
    <w:name w:val="7A57F5DFC06442299FF1FF83FC83F819"/>
    <w:rsid w:val="00E250A4"/>
    <w:pPr>
      <w:spacing w:after="160" w:line="259" w:lineRule="auto"/>
    </w:pPr>
    <w:rPr>
      <w:lang w:val="da-DK" w:eastAsia="da-DK"/>
    </w:rPr>
  </w:style>
  <w:style w:type="paragraph" w:customStyle="1" w:styleId="8E067036ADFA4509A2897B4F9CE7E975">
    <w:name w:val="8E067036ADFA4509A2897B4F9CE7E975"/>
    <w:rsid w:val="00E250A4"/>
    <w:pPr>
      <w:spacing w:after="160" w:line="259" w:lineRule="auto"/>
    </w:pPr>
    <w:rPr>
      <w:lang w:val="da-DK" w:eastAsia="da-DK"/>
    </w:rPr>
  </w:style>
  <w:style w:type="paragraph" w:customStyle="1" w:styleId="7E48B7E074C541BAAA087C83ED1E241D">
    <w:name w:val="7E48B7E074C541BAAA087C83ED1E241D"/>
    <w:rsid w:val="00E250A4"/>
    <w:pPr>
      <w:spacing w:after="160" w:line="259" w:lineRule="auto"/>
    </w:pPr>
    <w:rPr>
      <w:lang w:val="da-DK" w:eastAsia="da-DK"/>
    </w:rPr>
  </w:style>
  <w:style w:type="paragraph" w:customStyle="1" w:styleId="58E61C3637FA4356AC0D9D061D714EAB">
    <w:name w:val="58E61C3637FA4356AC0D9D061D714EAB"/>
    <w:rsid w:val="00E250A4"/>
    <w:pPr>
      <w:spacing w:after="160" w:line="259" w:lineRule="auto"/>
    </w:pPr>
    <w:rPr>
      <w:lang w:val="da-DK" w:eastAsia="da-DK"/>
    </w:rPr>
  </w:style>
  <w:style w:type="paragraph" w:customStyle="1" w:styleId="0AEF1B7DB62640149EBAF2DC7C0089DB">
    <w:name w:val="0AEF1B7DB62640149EBAF2DC7C0089DB"/>
    <w:rsid w:val="00E250A4"/>
    <w:pPr>
      <w:spacing w:after="160" w:line="259" w:lineRule="auto"/>
    </w:pPr>
    <w:rPr>
      <w:lang w:val="da-DK" w:eastAsia="da-DK"/>
    </w:rPr>
  </w:style>
  <w:style w:type="paragraph" w:customStyle="1" w:styleId="33538E9CCC5742DF85E52D3112BF2069">
    <w:name w:val="33538E9CCC5742DF85E52D3112BF2069"/>
    <w:rsid w:val="00E250A4"/>
    <w:pPr>
      <w:spacing w:after="160" w:line="259" w:lineRule="auto"/>
    </w:pPr>
    <w:rPr>
      <w:lang w:val="da-DK" w:eastAsia="da-DK"/>
    </w:rPr>
  </w:style>
  <w:style w:type="paragraph" w:customStyle="1" w:styleId="7A9025D0ADAC4EB3B153E071C4AF26E1">
    <w:name w:val="7A9025D0ADAC4EB3B153E071C4AF26E1"/>
    <w:rsid w:val="00E250A4"/>
    <w:pPr>
      <w:spacing w:after="160" w:line="259" w:lineRule="auto"/>
    </w:pPr>
    <w:rPr>
      <w:lang w:val="da-DK" w:eastAsia="da-DK"/>
    </w:rPr>
  </w:style>
  <w:style w:type="paragraph" w:customStyle="1" w:styleId="BE21B79459D244F28BF5AA34F62100F5">
    <w:name w:val="BE21B79459D244F28BF5AA34F62100F5"/>
    <w:rsid w:val="00E250A4"/>
    <w:pPr>
      <w:spacing w:after="160" w:line="259" w:lineRule="auto"/>
    </w:pPr>
    <w:rPr>
      <w:lang w:val="da-DK" w:eastAsia="da-DK"/>
    </w:rPr>
  </w:style>
  <w:style w:type="paragraph" w:customStyle="1" w:styleId="FDFA03E957A54F28B1F6EE077C1208BA">
    <w:name w:val="FDFA03E957A54F28B1F6EE077C1208BA"/>
    <w:rsid w:val="00E250A4"/>
    <w:pPr>
      <w:spacing w:after="160" w:line="259" w:lineRule="auto"/>
    </w:pPr>
    <w:rPr>
      <w:lang w:val="da-DK" w:eastAsia="da-DK"/>
    </w:rPr>
  </w:style>
  <w:style w:type="paragraph" w:customStyle="1" w:styleId="007E662A3E304CD2A9E7D548B0EE1282">
    <w:name w:val="007E662A3E304CD2A9E7D548B0EE1282"/>
    <w:rsid w:val="00E250A4"/>
    <w:pPr>
      <w:spacing w:after="160" w:line="259" w:lineRule="auto"/>
    </w:pPr>
    <w:rPr>
      <w:lang w:val="da-DK" w:eastAsia="da-DK"/>
    </w:rPr>
  </w:style>
  <w:style w:type="paragraph" w:customStyle="1" w:styleId="8F57579E38A647F3B1C481118334237E">
    <w:name w:val="8F57579E38A647F3B1C481118334237E"/>
    <w:rsid w:val="00E250A4"/>
    <w:pPr>
      <w:spacing w:after="160" w:line="259" w:lineRule="auto"/>
    </w:pPr>
    <w:rPr>
      <w:lang w:val="da-DK" w:eastAsia="da-DK"/>
    </w:rPr>
  </w:style>
  <w:style w:type="paragraph" w:customStyle="1" w:styleId="B895AF7CECD3454D94E47CA3564A480B">
    <w:name w:val="B895AF7CECD3454D94E47CA3564A480B"/>
    <w:rsid w:val="00E250A4"/>
    <w:pPr>
      <w:spacing w:after="160" w:line="259" w:lineRule="auto"/>
    </w:pPr>
    <w:rPr>
      <w:lang w:val="da-DK" w:eastAsia="da-DK"/>
    </w:rPr>
  </w:style>
  <w:style w:type="paragraph" w:customStyle="1" w:styleId="6E156043AE894E86B0514A0F94CECE21">
    <w:name w:val="6E156043AE894E86B0514A0F94CECE21"/>
    <w:rsid w:val="00E250A4"/>
    <w:pPr>
      <w:spacing w:after="160" w:line="259" w:lineRule="auto"/>
    </w:pPr>
    <w:rPr>
      <w:lang w:val="da-DK" w:eastAsia="da-DK"/>
    </w:rPr>
  </w:style>
  <w:style w:type="paragraph" w:customStyle="1" w:styleId="22931051C61445E4898BAA901D6527E8">
    <w:name w:val="22931051C61445E4898BAA901D6527E8"/>
    <w:rsid w:val="00E250A4"/>
    <w:pPr>
      <w:spacing w:after="160" w:line="259" w:lineRule="auto"/>
    </w:pPr>
    <w:rPr>
      <w:lang w:val="da-DK" w:eastAsia="da-DK"/>
    </w:rPr>
  </w:style>
  <w:style w:type="paragraph" w:customStyle="1" w:styleId="B895AF7CECD3454D94E47CA3564A480B1">
    <w:name w:val="B895AF7CECD3454D94E47CA3564A480B1"/>
    <w:rsid w:val="00C34D3B"/>
    <w:pPr>
      <w:spacing w:after="0" w:line="260" w:lineRule="atLeast"/>
    </w:pPr>
    <w:rPr>
      <w:rFonts w:ascii="Times New Roman" w:eastAsiaTheme="minorHAnsi" w:hAnsi="Times New Roman" w:cs="Times New Roman"/>
      <w:lang w:eastAsia="en-US"/>
    </w:rPr>
  </w:style>
  <w:style w:type="paragraph" w:customStyle="1" w:styleId="6E156043AE894E86B0514A0F94CECE211">
    <w:name w:val="6E156043AE894E86B0514A0F94CECE211"/>
    <w:rsid w:val="00C34D3B"/>
    <w:pPr>
      <w:spacing w:after="0" w:line="260" w:lineRule="atLeast"/>
    </w:pPr>
    <w:rPr>
      <w:rFonts w:ascii="Times New Roman" w:eastAsiaTheme="minorHAnsi" w:hAnsi="Times New Roman" w:cs="Times New Roman"/>
      <w:lang w:eastAsia="en-US"/>
    </w:rPr>
  </w:style>
  <w:style w:type="paragraph" w:customStyle="1" w:styleId="1B68D6368323483280FD11CF8F0D11D19">
    <w:name w:val="1B68D6368323483280FD11CF8F0D11D19"/>
    <w:rsid w:val="00C34D3B"/>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9">
    <w:name w:val="C551D5B8DA694511AA3C625EC9AC5CA19"/>
    <w:rsid w:val="00C34D3B"/>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9">
    <w:name w:val="33D1A2F291454B43A77CC29DC2CB77539"/>
    <w:rsid w:val="00C34D3B"/>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9">
    <w:name w:val="E2C52655502D4B9C886ED7BF19513FD29"/>
    <w:rsid w:val="00C34D3B"/>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9">
    <w:name w:val="ED0C702C7C8144B6B245F114E1848AFB9"/>
    <w:rsid w:val="00C34D3B"/>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4">
    <w:name w:val="035A912BA35E486D8327EC06CBF5835324"/>
    <w:rsid w:val="00C34D3B"/>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2">
    <w:name w:val="B895AF7CECD3454D94E47CA3564A480B2"/>
    <w:rsid w:val="000C4CAA"/>
    <w:pPr>
      <w:spacing w:after="0" w:line="260" w:lineRule="atLeast"/>
    </w:pPr>
    <w:rPr>
      <w:rFonts w:ascii="Times New Roman" w:eastAsiaTheme="minorHAnsi" w:hAnsi="Times New Roman" w:cs="Times New Roman"/>
      <w:lang w:eastAsia="en-US"/>
    </w:rPr>
  </w:style>
  <w:style w:type="paragraph" w:customStyle="1" w:styleId="6E156043AE894E86B0514A0F94CECE212">
    <w:name w:val="6E156043AE894E86B0514A0F94CECE212"/>
    <w:rsid w:val="000C4CAA"/>
    <w:pPr>
      <w:spacing w:after="0" w:line="260" w:lineRule="atLeast"/>
    </w:pPr>
    <w:rPr>
      <w:rFonts w:ascii="Times New Roman" w:eastAsiaTheme="minorHAnsi" w:hAnsi="Times New Roman" w:cs="Times New Roman"/>
      <w:lang w:eastAsia="en-US"/>
    </w:rPr>
  </w:style>
  <w:style w:type="paragraph" w:customStyle="1" w:styleId="1B68D6368323483280FD11CF8F0D11D110">
    <w:name w:val="1B68D6368323483280FD11CF8F0D11D110"/>
    <w:rsid w:val="000C4CAA"/>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0">
    <w:name w:val="C551D5B8DA694511AA3C625EC9AC5CA110"/>
    <w:rsid w:val="000C4CAA"/>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0">
    <w:name w:val="33D1A2F291454B43A77CC29DC2CB775310"/>
    <w:rsid w:val="000C4CAA"/>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0">
    <w:name w:val="E2C52655502D4B9C886ED7BF19513FD210"/>
    <w:rsid w:val="000C4CAA"/>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0">
    <w:name w:val="ED0C702C7C8144B6B245F114E1848AFB10"/>
    <w:rsid w:val="000C4CAA"/>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5">
    <w:name w:val="035A912BA35E486D8327EC06CBF5835325"/>
    <w:rsid w:val="000C4CAA"/>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3">
    <w:name w:val="B895AF7CECD3454D94E47CA3564A480B3"/>
    <w:rsid w:val="000C4CAA"/>
    <w:pPr>
      <w:spacing w:after="0" w:line="260" w:lineRule="atLeast"/>
    </w:pPr>
    <w:rPr>
      <w:rFonts w:ascii="Times New Roman" w:eastAsiaTheme="minorHAnsi" w:hAnsi="Times New Roman" w:cs="Times New Roman"/>
      <w:lang w:eastAsia="en-US"/>
    </w:rPr>
  </w:style>
  <w:style w:type="paragraph" w:customStyle="1" w:styleId="6E156043AE894E86B0514A0F94CECE213">
    <w:name w:val="6E156043AE894E86B0514A0F94CECE213"/>
    <w:rsid w:val="000C4CAA"/>
    <w:pPr>
      <w:spacing w:after="0" w:line="260" w:lineRule="atLeast"/>
    </w:pPr>
    <w:rPr>
      <w:rFonts w:ascii="Times New Roman" w:eastAsiaTheme="minorHAnsi" w:hAnsi="Times New Roman" w:cs="Times New Roman"/>
      <w:lang w:eastAsia="en-US"/>
    </w:rPr>
  </w:style>
  <w:style w:type="paragraph" w:customStyle="1" w:styleId="1B68D6368323483280FD11CF8F0D11D111">
    <w:name w:val="1B68D6368323483280FD11CF8F0D11D111"/>
    <w:rsid w:val="000C4CAA"/>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1">
    <w:name w:val="C551D5B8DA694511AA3C625EC9AC5CA111"/>
    <w:rsid w:val="000C4CAA"/>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1">
    <w:name w:val="33D1A2F291454B43A77CC29DC2CB775311"/>
    <w:rsid w:val="000C4CAA"/>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1">
    <w:name w:val="E2C52655502D4B9C886ED7BF19513FD211"/>
    <w:rsid w:val="000C4CAA"/>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1">
    <w:name w:val="ED0C702C7C8144B6B245F114E1848AFB11"/>
    <w:rsid w:val="000C4CAA"/>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6">
    <w:name w:val="035A912BA35E486D8327EC06CBF5835326"/>
    <w:rsid w:val="000C4CAA"/>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4">
    <w:name w:val="B895AF7CECD3454D94E47CA3564A480B4"/>
    <w:rsid w:val="00911373"/>
    <w:pPr>
      <w:spacing w:after="0" w:line="260" w:lineRule="atLeast"/>
    </w:pPr>
    <w:rPr>
      <w:rFonts w:ascii="Times New Roman" w:eastAsiaTheme="minorHAnsi" w:hAnsi="Times New Roman" w:cs="Times New Roman"/>
      <w:lang w:eastAsia="en-US"/>
    </w:rPr>
  </w:style>
  <w:style w:type="paragraph" w:customStyle="1" w:styleId="6E156043AE894E86B0514A0F94CECE214">
    <w:name w:val="6E156043AE894E86B0514A0F94CECE214"/>
    <w:rsid w:val="00911373"/>
    <w:pPr>
      <w:spacing w:after="0" w:line="260" w:lineRule="atLeast"/>
    </w:pPr>
    <w:rPr>
      <w:rFonts w:ascii="Times New Roman" w:eastAsiaTheme="minorHAnsi" w:hAnsi="Times New Roman" w:cs="Times New Roman"/>
      <w:lang w:eastAsia="en-US"/>
    </w:rPr>
  </w:style>
  <w:style w:type="paragraph" w:customStyle="1" w:styleId="1B68D6368323483280FD11CF8F0D11D112">
    <w:name w:val="1B68D6368323483280FD11CF8F0D11D112"/>
    <w:rsid w:val="00911373"/>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2">
    <w:name w:val="C551D5B8DA694511AA3C625EC9AC5CA112"/>
    <w:rsid w:val="00911373"/>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2">
    <w:name w:val="33D1A2F291454B43A77CC29DC2CB775312"/>
    <w:rsid w:val="00911373"/>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2">
    <w:name w:val="E2C52655502D4B9C886ED7BF19513FD212"/>
    <w:rsid w:val="00911373"/>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2">
    <w:name w:val="ED0C702C7C8144B6B245F114E1848AFB12"/>
    <w:rsid w:val="00911373"/>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7">
    <w:name w:val="035A912BA35E486D8327EC06CBF5835327"/>
    <w:rsid w:val="00911373"/>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5">
    <w:name w:val="B895AF7CECD3454D94E47CA3564A480B5"/>
    <w:rsid w:val="009A411B"/>
    <w:pPr>
      <w:spacing w:after="0" w:line="260" w:lineRule="atLeast"/>
    </w:pPr>
    <w:rPr>
      <w:rFonts w:ascii="Times New Roman" w:eastAsiaTheme="minorHAnsi" w:hAnsi="Times New Roman" w:cs="Times New Roman"/>
      <w:lang w:eastAsia="en-US"/>
    </w:rPr>
  </w:style>
  <w:style w:type="paragraph" w:customStyle="1" w:styleId="6E156043AE894E86B0514A0F94CECE215">
    <w:name w:val="6E156043AE894E86B0514A0F94CECE215"/>
    <w:rsid w:val="009A411B"/>
    <w:pPr>
      <w:spacing w:after="0" w:line="260" w:lineRule="atLeast"/>
    </w:pPr>
    <w:rPr>
      <w:rFonts w:ascii="Times New Roman" w:eastAsiaTheme="minorHAnsi" w:hAnsi="Times New Roman" w:cs="Times New Roman"/>
      <w:lang w:eastAsia="en-US"/>
    </w:rPr>
  </w:style>
  <w:style w:type="paragraph" w:customStyle="1" w:styleId="1B68D6368323483280FD11CF8F0D11D113">
    <w:name w:val="1B68D6368323483280FD11CF8F0D11D113"/>
    <w:rsid w:val="009A411B"/>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3">
    <w:name w:val="C551D5B8DA694511AA3C625EC9AC5CA113"/>
    <w:rsid w:val="009A411B"/>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3">
    <w:name w:val="33D1A2F291454B43A77CC29DC2CB775313"/>
    <w:rsid w:val="009A411B"/>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3">
    <w:name w:val="E2C52655502D4B9C886ED7BF19513FD213"/>
    <w:rsid w:val="009A411B"/>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3">
    <w:name w:val="ED0C702C7C8144B6B245F114E1848AFB13"/>
    <w:rsid w:val="009A411B"/>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8">
    <w:name w:val="035A912BA35E486D8327EC06CBF5835328"/>
    <w:rsid w:val="009A411B"/>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6">
    <w:name w:val="B895AF7CECD3454D94E47CA3564A480B6"/>
    <w:rsid w:val="005D20BA"/>
    <w:pPr>
      <w:spacing w:after="0" w:line="260" w:lineRule="atLeast"/>
    </w:pPr>
    <w:rPr>
      <w:rFonts w:ascii="Times New Roman" w:eastAsiaTheme="minorHAnsi" w:hAnsi="Times New Roman" w:cs="Times New Roman"/>
      <w:lang w:eastAsia="en-US"/>
    </w:rPr>
  </w:style>
  <w:style w:type="paragraph" w:customStyle="1" w:styleId="6E156043AE894E86B0514A0F94CECE216">
    <w:name w:val="6E156043AE894E86B0514A0F94CECE216"/>
    <w:rsid w:val="005D20BA"/>
    <w:pPr>
      <w:spacing w:after="0" w:line="260" w:lineRule="atLeast"/>
    </w:pPr>
    <w:rPr>
      <w:rFonts w:ascii="Times New Roman" w:eastAsiaTheme="minorHAnsi" w:hAnsi="Times New Roman" w:cs="Times New Roman"/>
      <w:lang w:eastAsia="en-US"/>
    </w:rPr>
  </w:style>
  <w:style w:type="paragraph" w:customStyle="1" w:styleId="1B68D6368323483280FD11CF8F0D11D114">
    <w:name w:val="1B68D6368323483280FD11CF8F0D11D114"/>
    <w:rsid w:val="005D20BA"/>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4">
    <w:name w:val="C551D5B8DA694511AA3C625EC9AC5CA114"/>
    <w:rsid w:val="005D20BA"/>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4">
    <w:name w:val="33D1A2F291454B43A77CC29DC2CB775314"/>
    <w:rsid w:val="005D20BA"/>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4">
    <w:name w:val="E2C52655502D4B9C886ED7BF19513FD214"/>
    <w:rsid w:val="005D20BA"/>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4">
    <w:name w:val="ED0C702C7C8144B6B245F114E1848AFB14"/>
    <w:rsid w:val="005D20BA"/>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29">
    <w:name w:val="035A912BA35E486D8327EC06CBF5835329"/>
    <w:rsid w:val="005D20BA"/>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7">
    <w:name w:val="B895AF7CECD3454D94E47CA3564A480B7"/>
    <w:rsid w:val="00844A91"/>
    <w:pPr>
      <w:spacing w:after="0" w:line="260" w:lineRule="atLeast"/>
    </w:pPr>
    <w:rPr>
      <w:rFonts w:ascii="Times New Roman" w:eastAsiaTheme="minorHAnsi" w:hAnsi="Times New Roman" w:cs="Times New Roman"/>
      <w:lang w:eastAsia="en-US"/>
    </w:rPr>
  </w:style>
  <w:style w:type="paragraph" w:customStyle="1" w:styleId="6E156043AE894E86B0514A0F94CECE217">
    <w:name w:val="6E156043AE894E86B0514A0F94CECE217"/>
    <w:rsid w:val="00844A91"/>
    <w:pPr>
      <w:spacing w:after="0" w:line="260" w:lineRule="atLeast"/>
    </w:pPr>
    <w:rPr>
      <w:rFonts w:ascii="Times New Roman" w:eastAsiaTheme="minorHAnsi" w:hAnsi="Times New Roman" w:cs="Times New Roman"/>
      <w:lang w:eastAsia="en-US"/>
    </w:rPr>
  </w:style>
  <w:style w:type="paragraph" w:customStyle="1" w:styleId="1B68D6368323483280FD11CF8F0D11D115">
    <w:name w:val="1B68D6368323483280FD11CF8F0D11D115"/>
    <w:rsid w:val="00844A91"/>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5">
    <w:name w:val="C551D5B8DA694511AA3C625EC9AC5CA115"/>
    <w:rsid w:val="00844A91"/>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5">
    <w:name w:val="33D1A2F291454B43A77CC29DC2CB775315"/>
    <w:rsid w:val="00844A91"/>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5">
    <w:name w:val="E2C52655502D4B9C886ED7BF19513FD215"/>
    <w:rsid w:val="00844A91"/>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5">
    <w:name w:val="ED0C702C7C8144B6B245F114E1848AFB15"/>
    <w:rsid w:val="00844A91"/>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0">
    <w:name w:val="035A912BA35E486D8327EC06CBF5835330"/>
    <w:rsid w:val="00844A91"/>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8">
    <w:name w:val="B895AF7CECD3454D94E47CA3564A480B8"/>
    <w:rsid w:val="00F55E8C"/>
    <w:pPr>
      <w:spacing w:after="0" w:line="260" w:lineRule="atLeast"/>
    </w:pPr>
    <w:rPr>
      <w:rFonts w:ascii="Times New Roman" w:eastAsiaTheme="minorHAnsi" w:hAnsi="Times New Roman" w:cs="Times New Roman"/>
      <w:lang w:eastAsia="en-US"/>
    </w:rPr>
  </w:style>
  <w:style w:type="paragraph" w:customStyle="1" w:styleId="6E156043AE894E86B0514A0F94CECE218">
    <w:name w:val="6E156043AE894E86B0514A0F94CECE218"/>
    <w:rsid w:val="00F55E8C"/>
    <w:pPr>
      <w:spacing w:after="0" w:line="260" w:lineRule="atLeast"/>
    </w:pPr>
    <w:rPr>
      <w:rFonts w:ascii="Times New Roman" w:eastAsiaTheme="minorHAnsi" w:hAnsi="Times New Roman" w:cs="Times New Roman"/>
      <w:lang w:eastAsia="en-US"/>
    </w:rPr>
  </w:style>
  <w:style w:type="paragraph" w:customStyle="1" w:styleId="1B68D6368323483280FD11CF8F0D11D116">
    <w:name w:val="1B68D6368323483280FD11CF8F0D11D116"/>
    <w:rsid w:val="00F55E8C"/>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6">
    <w:name w:val="C551D5B8DA694511AA3C625EC9AC5CA116"/>
    <w:rsid w:val="00F55E8C"/>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6">
    <w:name w:val="33D1A2F291454B43A77CC29DC2CB775316"/>
    <w:rsid w:val="00F55E8C"/>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6">
    <w:name w:val="E2C52655502D4B9C886ED7BF19513FD216"/>
    <w:rsid w:val="00F55E8C"/>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6">
    <w:name w:val="ED0C702C7C8144B6B245F114E1848AFB16"/>
    <w:rsid w:val="00F55E8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1">
    <w:name w:val="035A912BA35E486D8327EC06CBF5835331"/>
    <w:rsid w:val="00F55E8C"/>
    <w:pPr>
      <w:tabs>
        <w:tab w:val="left" w:pos="1418"/>
      </w:tabs>
      <w:spacing w:after="0" w:line="160" w:lineRule="atLeast"/>
      <w:jc w:val="both"/>
    </w:pPr>
    <w:rPr>
      <w:rFonts w:ascii="Arial" w:eastAsiaTheme="minorHAnsi" w:hAnsi="Arial" w:cs="Arial"/>
      <w:sz w:val="12"/>
      <w:lang w:eastAsia="en-US"/>
    </w:rPr>
  </w:style>
  <w:style w:type="paragraph" w:customStyle="1" w:styleId="6C984245427645B69CFB4EB5D31C0442">
    <w:name w:val="6C984245427645B69CFB4EB5D31C0442"/>
    <w:rsid w:val="00F55E8C"/>
    <w:pPr>
      <w:spacing w:after="160" w:line="259" w:lineRule="auto"/>
    </w:pPr>
    <w:rPr>
      <w:lang w:val="da-DK" w:eastAsia="da-DK"/>
    </w:rPr>
  </w:style>
  <w:style w:type="paragraph" w:customStyle="1" w:styleId="8228C6042B0C44E4AA448211ECE4F5BC">
    <w:name w:val="8228C6042B0C44E4AA448211ECE4F5BC"/>
    <w:rsid w:val="00F55E8C"/>
    <w:pPr>
      <w:spacing w:after="160" w:line="259" w:lineRule="auto"/>
    </w:pPr>
    <w:rPr>
      <w:lang w:val="da-DK" w:eastAsia="da-DK"/>
    </w:rPr>
  </w:style>
  <w:style w:type="paragraph" w:customStyle="1" w:styleId="B895AF7CECD3454D94E47CA3564A480B9">
    <w:name w:val="B895AF7CECD3454D94E47CA3564A480B9"/>
    <w:rsid w:val="00F55E8C"/>
    <w:pPr>
      <w:spacing w:after="0" w:line="260" w:lineRule="atLeast"/>
    </w:pPr>
    <w:rPr>
      <w:rFonts w:ascii="Times New Roman" w:eastAsiaTheme="minorHAnsi" w:hAnsi="Times New Roman" w:cs="Times New Roman"/>
      <w:lang w:eastAsia="en-US"/>
    </w:rPr>
  </w:style>
  <w:style w:type="paragraph" w:customStyle="1" w:styleId="6E156043AE894E86B0514A0F94CECE219">
    <w:name w:val="6E156043AE894E86B0514A0F94CECE219"/>
    <w:rsid w:val="00F55E8C"/>
    <w:pPr>
      <w:spacing w:after="0" w:line="260" w:lineRule="atLeast"/>
    </w:pPr>
    <w:rPr>
      <w:rFonts w:ascii="Times New Roman" w:eastAsiaTheme="minorHAnsi" w:hAnsi="Times New Roman" w:cs="Times New Roman"/>
      <w:lang w:eastAsia="en-US"/>
    </w:rPr>
  </w:style>
  <w:style w:type="paragraph" w:customStyle="1" w:styleId="1B68D6368323483280FD11CF8F0D11D117">
    <w:name w:val="1B68D6368323483280FD11CF8F0D11D117"/>
    <w:rsid w:val="00F55E8C"/>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7">
    <w:name w:val="C551D5B8DA694511AA3C625EC9AC5CA117"/>
    <w:rsid w:val="00F55E8C"/>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7">
    <w:name w:val="33D1A2F291454B43A77CC29DC2CB775317"/>
    <w:rsid w:val="00F55E8C"/>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7">
    <w:name w:val="E2C52655502D4B9C886ED7BF19513FD217"/>
    <w:rsid w:val="00F55E8C"/>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7">
    <w:name w:val="ED0C702C7C8144B6B245F114E1848AFB17"/>
    <w:rsid w:val="00F55E8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2">
    <w:name w:val="035A912BA35E486D8327EC06CBF5835332"/>
    <w:rsid w:val="00F55E8C"/>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0">
    <w:name w:val="B895AF7CECD3454D94E47CA3564A480B10"/>
    <w:rsid w:val="00F55E8C"/>
    <w:pPr>
      <w:spacing w:after="0" w:line="260" w:lineRule="atLeast"/>
    </w:pPr>
    <w:rPr>
      <w:rFonts w:ascii="Times New Roman" w:eastAsiaTheme="minorHAnsi" w:hAnsi="Times New Roman" w:cs="Times New Roman"/>
      <w:lang w:eastAsia="en-US"/>
    </w:rPr>
  </w:style>
  <w:style w:type="paragraph" w:customStyle="1" w:styleId="6E156043AE894E86B0514A0F94CECE2110">
    <w:name w:val="6E156043AE894E86B0514A0F94CECE2110"/>
    <w:rsid w:val="00F55E8C"/>
    <w:pPr>
      <w:spacing w:after="0" w:line="260" w:lineRule="atLeast"/>
    </w:pPr>
    <w:rPr>
      <w:rFonts w:ascii="Times New Roman" w:eastAsiaTheme="minorHAnsi" w:hAnsi="Times New Roman" w:cs="Times New Roman"/>
      <w:lang w:eastAsia="en-US"/>
    </w:rPr>
  </w:style>
  <w:style w:type="paragraph" w:customStyle="1" w:styleId="1B68D6368323483280FD11CF8F0D11D118">
    <w:name w:val="1B68D6368323483280FD11CF8F0D11D118"/>
    <w:rsid w:val="00F55E8C"/>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8">
    <w:name w:val="C551D5B8DA694511AA3C625EC9AC5CA118"/>
    <w:rsid w:val="00F55E8C"/>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8">
    <w:name w:val="33D1A2F291454B43A77CC29DC2CB775318"/>
    <w:rsid w:val="00F55E8C"/>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8">
    <w:name w:val="E2C52655502D4B9C886ED7BF19513FD218"/>
    <w:rsid w:val="00F55E8C"/>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8">
    <w:name w:val="ED0C702C7C8144B6B245F114E1848AFB18"/>
    <w:rsid w:val="00F55E8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3">
    <w:name w:val="035A912BA35E486D8327EC06CBF5835333"/>
    <w:rsid w:val="00F55E8C"/>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1">
    <w:name w:val="B895AF7CECD3454D94E47CA3564A480B11"/>
    <w:rsid w:val="00A223F4"/>
    <w:pPr>
      <w:spacing w:after="0" w:line="260" w:lineRule="atLeast"/>
    </w:pPr>
    <w:rPr>
      <w:rFonts w:ascii="Times New Roman" w:eastAsiaTheme="minorHAnsi" w:hAnsi="Times New Roman" w:cs="Times New Roman"/>
      <w:lang w:eastAsia="en-US"/>
    </w:rPr>
  </w:style>
  <w:style w:type="paragraph" w:customStyle="1" w:styleId="6E156043AE894E86B0514A0F94CECE2111">
    <w:name w:val="6E156043AE894E86B0514A0F94CECE2111"/>
    <w:rsid w:val="00A223F4"/>
    <w:pPr>
      <w:spacing w:after="0" w:line="260" w:lineRule="atLeast"/>
    </w:pPr>
    <w:rPr>
      <w:rFonts w:ascii="Times New Roman" w:eastAsiaTheme="minorHAnsi" w:hAnsi="Times New Roman" w:cs="Times New Roman"/>
      <w:lang w:eastAsia="en-US"/>
    </w:rPr>
  </w:style>
  <w:style w:type="paragraph" w:customStyle="1" w:styleId="1B68D6368323483280FD11CF8F0D11D119">
    <w:name w:val="1B68D6368323483280FD11CF8F0D11D119"/>
    <w:rsid w:val="00A223F4"/>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19">
    <w:name w:val="C551D5B8DA694511AA3C625EC9AC5CA119"/>
    <w:rsid w:val="00A223F4"/>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19">
    <w:name w:val="33D1A2F291454B43A77CC29DC2CB775319"/>
    <w:rsid w:val="00A223F4"/>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19">
    <w:name w:val="E2C52655502D4B9C886ED7BF19513FD219"/>
    <w:rsid w:val="00A223F4"/>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19">
    <w:name w:val="ED0C702C7C8144B6B245F114E1848AFB19"/>
    <w:rsid w:val="00A223F4"/>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4">
    <w:name w:val="035A912BA35E486D8327EC06CBF5835334"/>
    <w:rsid w:val="00A223F4"/>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2">
    <w:name w:val="B895AF7CECD3454D94E47CA3564A480B12"/>
    <w:rsid w:val="005369A6"/>
    <w:pPr>
      <w:spacing w:after="0" w:line="260" w:lineRule="atLeast"/>
    </w:pPr>
    <w:rPr>
      <w:rFonts w:ascii="Times New Roman" w:eastAsiaTheme="minorHAnsi" w:hAnsi="Times New Roman" w:cs="Times New Roman"/>
      <w:lang w:eastAsia="en-US"/>
    </w:rPr>
  </w:style>
  <w:style w:type="paragraph" w:customStyle="1" w:styleId="6E156043AE894E86B0514A0F94CECE2112">
    <w:name w:val="6E156043AE894E86B0514A0F94CECE2112"/>
    <w:rsid w:val="005369A6"/>
    <w:pPr>
      <w:spacing w:after="0" w:line="260" w:lineRule="atLeast"/>
    </w:pPr>
    <w:rPr>
      <w:rFonts w:ascii="Times New Roman" w:eastAsiaTheme="minorHAnsi" w:hAnsi="Times New Roman" w:cs="Times New Roman"/>
      <w:lang w:eastAsia="en-US"/>
    </w:rPr>
  </w:style>
  <w:style w:type="paragraph" w:customStyle="1" w:styleId="1B68D6368323483280FD11CF8F0D11D120">
    <w:name w:val="1B68D6368323483280FD11CF8F0D11D120"/>
    <w:rsid w:val="005369A6"/>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0">
    <w:name w:val="C551D5B8DA694511AA3C625EC9AC5CA120"/>
    <w:rsid w:val="005369A6"/>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0">
    <w:name w:val="33D1A2F291454B43A77CC29DC2CB775320"/>
    <w:rsid w:val="005369A6"/>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0">
    <w:name w:val="E2C52655502D4B9C886ED7BF19513FD220"/>
    <w:rsid w:val="005369A6"/>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0">
    <w:name w:val="ED0C702C7C8144B6B245F114E1848AFB20"/>
    <w:rsid w:val="005369A6"/>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5">
    <w:name w:val="035A912BA35E486D8327EC06CBF5835335"/>
    <w:rsid w:val="005369A6"/>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3">
    <w:name w:val="B895AF7CECD3454D94E47CA3564A480B13"/>
    <w:rsid w:val="00237628"/>
    <w:pPr>
      <w:spacing w:after="0" w:line="260" w:lineRule="atLeast"/>
    </w:pPr>
    <w:rPr>
      <w:rFonts w:ascii="Times New Roman" w:eastAsiaTheme="minorHAnsi" w:hAnsi="Times New Roman" w:cs="Times New Roman"/>
      <w:lang w:eastAsia="en-US"/>
    </w:rPr>
  </w:style>
  <w:style w:type="paragraph" w:customStyle="1" w:styleId="6E156043AE894E86B0514A0F94CECE2113">
    <w:name w:val="6E156043AE894E86B0514A0F94CECE2113"/>
    <w:rsid w:val="00237628"/>
    <w:pPr>
      <w:spacing w:after="0" w:line="260" w:lineRule="atLeast"/>
    </w:pPr>
    <w:rPr>
      <w:rFonts w:ascii="Times New Roman" w:eastAsiaTheme="minorHAnsi" w:hAnsi="Times New Roman" w:cs="Times New Roman"/>
      <w:lang w:eastAsia="en-US"/>
    </w:rPr>
  </w:style>
  <w:style w:type="paragraph" w:customStyle="1" w:styleId="1B68D6368323483280FD11CF8F0D11D121">
    <w:name w:val="1B68D6368323483280FD11CF8F0D11D121"/>
    <w:rsid w:val="00237628"/>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1">
    <w:name w:val="C551D5B8DA694511AA3C625EC9AC5CA121"/>
    <w:rsid w:val="00237628"/>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1">
    <w:name w:val="33D1A2F291454B43A77CC29DC2CB775321"/>
    <w:rsid w:val="00237628"/>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1">
    <w:name w:val="E2C52655502D4B9C886ED7BF19513FD221"/>
    <w:rsid w:val="00237628"/>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1">
    <w:name w:val="ED0C702C7C8144B6B245F114E1848AFB21"/>
    <w:rsid w:val="00237628"/>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6">
    <w:name w:val="035A912BA35E486D8327EC06CBF5835336"/>
    <w:rsid w:val="00237628"/>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4">
    <w:name w:val="B895AF7CECD3454D94E47CA3564A480B14"/>
    <w:rsid w:val="00237628"/>
    <w:pPr>
      <w:spacing w:after="0" w:line="260" w:lineRule="atLeast"/>
    </w:pPr>
    <w:rPr>
      <w:rFonts w:ascii="Times New Roman" w:eastAsiaTheme="minorHAnsi" w:hAnsi="Times New Roman" w:cs="Times New Roman"/>
      <w:lang w:eastAsia="en-US"/>
    </w:rPr>
  </w:style>
  <w:style w:type="paragraph" w:customStyle="1" w:styleId="6E156043AE894E86B0514A0F94CECE2114">
    <w:name w:val="6E156043AE894E86B0514A0F94CECE2114"/>
    <w:rsid w:val="00237628"/>
    <w:pPr>
      <w:spacing w:after="0" w:line="260" w:lineRule="atLeast"/>
    </w:pPr>
    <w:rPr>
      <w:rFonts w:ascii="Times New Roman" w:eastAsiaTheme="minorHAnsi" w:hAnsi="Times New Roman" w:cs="Times New Roman"/>
      <w:lang w:eastAsia="en-US"/>
    </w:rPr>
  </w:style>
  <w:style w:type="paragraph" w:customStyle="1" w:styleId="1B68D6368323483280FD11CF8F0D11D122">
    <w:name w:val="1B68D6368323483280FD11CF8F0D11D122"/>
    <w:rsid w:val="00237628"/>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2">
    <w:name w:val="C551D5B8DA694511AA3C625EC9AC5CA122"/>
    <w:rsid w:val="00237628"/>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2">
    <w:name w:val="33D1A2F291454B43A77CC29DC2CB775322"/>
    <w:rsid w:val="00237628"/>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2">
    <w:name w:val="E2C52655502D4B9C886ED7BF19513FD222"/>
    <w:rsid w:val="00237628"/>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2">
    <w:name w:val="ED0C702C7C8144B6B245F114E1848AFB22"/>
    <w:rsid w:val="00237628"/>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7">
    <w:name w:val="035A912BA35E486D8327EC06CBF5835337"/>
    <w:rsid w:val="00237628"/>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5">
    <w:name w:val="B895AF7CECD3454D94E47CA3564A480B15"/>
    <w:rsid w:val="00F55AD1"/>
    <w:pPr>
      <w:spacing w:after="0" w:line="260" w:lineRule="atLeast"/>
    </w:pPr>
    <w:rPr>
      <w:rFonts w:ascii="Times New Roman" w:eastAsiaTheme="minorHAnsi" w:hAnsi="Times New Roman" w:cs="Times New Roman"/>
      <w:lang w:eastAsia="en-US"/>
    </w:rPr>
  </w:style>
  <w:style w:type="paragraph" w:customStyle="1" w:styleId="6E156043AE894E86B0514A0F94CECE2115">
    <w:name w:val="6E156043AE894E86B0514A0F94CECE2115"/>
    <w:rsid w:val="00F55AD1"/>
    <w:pPr>
      <w:spacing w:after="0" w:line="260" w:lineRule="atLeast"/>
    </w:pPr>
    <w:rPr>
      <w:rFonts w:ascii="Times New Roman" w:eastAsiaTheme="minorHAnsi" w:hAnsi="Times New Roman" w:cs="Times New Roman"/>
      <w:lang w:eastAsia="en-US"/>
    </w:rPr>
  </w:style>
  <w:style w:type="paragraph" w:customStyle="1" w:styleId="1B68D6368323483280FD11CF8F0D11D123">
    <w:name w:val="1B68D6368323483280FD11CF8F0D11D123"/>
    <w:rsid w:val="00F55AD1"/>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3">
    <w:name w:val="C551D5B8DA694511AA3C625EC9AC5CA123"/>
    <w:rsid w:val="00F55AD1"/>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3">
    <w:name w:val="33D1A2F291454B43A77CC29DC2CB775323"/>
    <w:rsid w:val="00F55AD1"/>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3">
    <w:name w:val="E2C52655502D4B9C886ED7BF19513FD223"/>
    <w:rsid w:val="00F55AD1"/>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3">
    <w:name w:val="ED0C702C7C8144B6B245F114E1848AFB23"/>
    <w:rsid w:val="00F55AD1"/>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8">
    <w:name w:val="035A912BA35E486D8327EC06CBF5835338"/>
    <w:rsid w:val="00F55AD1"/>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6">
    <w:name w:val="B895AF7CECD3454D94E47CA3564A480B16"/>
    <w:rsid w:val="00F55AD1"/>
    <w:pPr>
      <w:spacing w:after="0" w:line="260" w:lineRule="atLeast"/>
    </w:pPr>
    <w:rPr>
      <w:rFonts w:ascii="Times New Roman" w:eastAsiaTheme="minorHAnsi" w:hAnsi="Times New Roman" w:cs="Times New Roman"/>
      <w:lang w:eastAsia="en-US"/>
    </w:rPr>
  </w:style>
  <w:style w:type="paragraph" w:customStyle="1" w:styleId="6E156043AE894E86B0514A0F94CECE2116">
    <w:name w:val="6E156043AE894E86B0514A0F94CECE2116"/>
    <w:rsid w:val="00F55AD1"/>
    <w:pPr>
      <w:spacing w:after="0" w:line="260" w:lineRule="atLeast"/>
    </w:pPr>
    <w:rPr>
      <w:rFonts w:ascii="Times New Roman" w:eastAsiaTheme="minorHAnsi" w:hAnsi="Times New Roman" w:cs="Times New Roman"/>
      <w:lang w:eastAsia="en-US"/>
    </w:rPr>
  </w:style>
  <w:style w:type="paragraph" w:customStyle="1" w:styleId="1B68D6368323483280FD11CF8F0D11D124">
    <w:name w:val="1B68D6368323483280FD11CF8F0D11D124"/>
    <w:rsid w:val="00F55AD1"/>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4">
    <w:name w:val="C551D5B8DA694511AA3C625EC9AC5CA124"/>
    <w:rsid w:val="00F55AD1"/>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4">
    <w:name w:val="33D1A2F291454B43A77CC29DC2CB775324"/>
    <w:rsid w:val="00F55AD1"/>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4">
    <w:name w:val="E2C52655502D4B9C886ED7BF19513FD224"/>
    <w:rsid w:val="00F55AD1"/>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4">
    <w:name w:val="ED0C702C7C8144B6B245F114E1848AFB24"/>
    <w:rsid w:val="00F55AD1"/>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39">
    <w:name w:val="035A912BA35E486D8327EC06CBF5835339"/>
    <w:rsid w:val="00F55AD1"/>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7">
    <w:name w:val="B895AF7CECD3454D94E47CA3564A480B17"/>
    <w:rsid w:val="004318E2"/>
    <w:pPr>
      <w:spacing w:after="0" w:line="260" w:lineRule="atLeast"/>
    </w:pPr>
    <w:rPr>
      <w:rFonts w:ascii="Times New Roman" w:eastAsiaTheme="minorHAnsi" w:hAnsi="Times New Roman" w:cs="Times New Roman"/>
      <w:lang w:eastAsia="en-US"/>
    </w:rPr>
  </w:style>
  <w:style w:type="paragraph" w:customStyle="1" w:styleId="6E156043AE894E86B0514A0F94CECE2117">
    <w:name w:val="6E156043AE894E86B0514A0F94CECE2117"/>
    <w:rsid w:val="004318E2"/>
    <w:pPr>
      <w:spacing w:after="0" w:line="260" w:lineRule="atLeast"/>
    </w:pPr>
    <w:rPr>
      <w:rFonts w:ascii="Times New Roman" w:eastAsiaTheme="minorHAnsi" w:hAnsi="Times New Roman" w:cs="Times New Roman"/>
      <w:lang w:eastAsia="en-US"/>
    </w:rPr>
  </w:style>
  <w:style w:type="paragraph" w:customStyle="1" w:styleId="1B68D6368323483280FD11CF8F0D11D125">
    <w:name w:val="1B68D6368323483280FD11CF8F0D11D125"/>
    <w:rsid w:val="004318E2"/>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5">
    <w:name w:val="C551D5B8DA694511AA3C625EC9AC5CA125"/>
    <w:rsid w:val="004318E2"/>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5">
    <w:name w:val="33D1A2F291454B43A77CC29DC2CB775325"/>
    <w:rsid w:val="004318E2"/>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5">
    <w:name w:val="E2C52655502D4B9C886ED7BF19513FD225"/>
    <w:rsid w:val="004318E2"/>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5">
    <w:name w:val="ED0C702C7C8144B6B245F114E1848AFB25"/>
    <w:rsid w:val="004318E2"/>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0">
    <w:name w:val="035A912BA35E486D8327EC06CBF5835340"/>
    <w:rsid w:val="004318E2"/>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8">
    <w:name w:val="B895AF7CECD3454D94E47CA3564A480B18"/>
    <w:rsid w:val="004318E2"/>
    <w:pPr>
      <w:spacing w:after="0" w:line="260" w:lineRule="atLeast"/>
    </w:pPr>
    <w:rPr>
      <w:rFonts w:ascii="Times New Roman" w:eastAsiaTheme="minorHAnsi" w:hAnsi="Times New Roman" w:cs="Times New Roman"/>
      <w:lang w:eastAsia="en-US"/>
    </w:rPr>
  </w:style>
  <w:style w:type="paragraph" w:customStyle="1" w:styleId="6E156043AE894E86B0514A0F94CECE2118">
    <w:name w:val="6E156043AE894E86B0514A0F94CECE2118"/>
    <w:rsid w:val="004318E2"/>
    <w:pPr>
      <w:spacing w:after="0" w:line="260" w:lineRule="atLeast"/>
    </w:pPr>
    <w:rPr>
      <w:rFonts w:ascii="Times New Roman" w:eastAsiaTheme="minorHAnsi" w:hAnsi="Times New Roman" w:cs="Times New Roman"/>
      <w:lang w:eastAsia="en-US"/>
    </w:rPr>
  </w:style>
  <w:style w:type="paragraph" w:customStyle="1" w:styleId="1B68D6368323483280FD11CF8F0D11D126">
    <w:name w:val="1B68D6368323483280FD11CF8F0D11D126"/>
    <w:rsid w:val="004318E2"/>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6">
    <w:name w:val="C551D5B8DA694511AA3C625EC9AC5CA126"/>
    <w:rsid w:val="004318E2"/>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6">
    <w:name w:val="33D1A2F291454B43A77CC29DC2CB775326"/>
    <w:rsid w:val="004318E2"/>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6">
    <w:name w:val="E2C52655502D4B9C886ED7BF19513FD226"/>
    <w:rsid w:val="004318E2"/>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6">
    <w:name w:val="ED0C702C7C8144B6B245F114E1848AFB26"/>
    <w:rsid w:val="004318E2"/>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1">
    <w:name w:val="035A912BA35E486D8327EC06CBF5835341"/>
    <w:rsid w:val="004318E2"/>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19">
    <w:name w:val="B895AF7CECD3454D94E47CA3564A480B19"/>
    <w:rsid w:val="00FC436C"/>
    <w:pPr>
      <w:spacing w:after="0" w:line="260" w:lineRule="atLeast"/>
    </w:pPr>
    <w:rPr>
      <w:rFonts w:ascii="Times New Roman" w:eastAsiaTheme="minorHAnsi" w:hAnsi="Times New Roman" w:cs="Times New Roman"/>
      <w:lang w:eastAsia="en-US"/>
    </w:rPr>
  </w:style>
  <w:style w:type="paragraph" w:customStyle="1" w:styleId="6E156043AE894E86B0514A0F94CECE2119">
    <w:name w:val="6E156043AE894E86B0514A0F94CECE2119"/>
    <w:rsid w:val="00FC436C"/>
    <w:pPr>
      <w:spacing w:after="0" w:line="260" w:lineRule="atLeast"/>
    </w:pPr>
    <w:rPr>
      <w:rFonts w:ascii="Times New Roman" w:eastAsiaTheme="minorHAnsi" w:hAnsi="Times New Roman" w:cs="Times New Roman"/>
      <w:lang w:eastAsia="en-US"/>
    </w:rPr>
  </w:style>
  <w:style w:type="paragraph" w:customStyle="1" w:styleId="1B68D6368323483280FD11CF8F0D11D127">
    <w:name w:val="1B68D6368323483280FD11CF8F0D11D127"/>
    <w:rsid w:val="00FC436C"/>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7">
    <w:name w:val="C551D5B8DA694511AA3C625EC9AC5CA127"/>
    <w:rsid w:val="00FC436C"/>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7">
    <w:name w:val="33D1A2F291454B43A77CC29DC2CB775327"/>
    <w:rsid w:val="00FC436C"/>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7">
    <w:name w:val="E2C52655502D4B9C886ED7BF19513FD227"/>
    <w:rsid w:val="00FC436C"/>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7">
    <w:name w:val="ED0C702C7C8144B6B245F114E1848AFB27"/>
    <w:rsid w:val="00FC436C"/>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2">
    <w:name w:val="035A912BA35E486D8327EC06CBF5835342"/>
    <w:rsid w:val="00FC436C"/>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20">
    <w:name w:val="B895AF7CECD3454D94E47CA3564A480B20"/>
    <w:rsid w:val="00D82894"/>
    <w:pPr>
      <w:spacing w:after="0" w:line="260" w:lineRule="atLeast"/>
    </w:pPr>
    <w:rPr>
      <w:rFonts w:ascii="Times New Roman" w:eastAsiaTheme="minorHAnsi" w:hAnsi="Times New Roman" w:cs="Times New Roman"/>
      <w:lang w:eastAsia="en-US"/>
    </w:rPr>
  </w:style>
  <w:style w:type="paragraph" w:customStyle="1" w:styleId="6E156043AE894E86B0514A0F94CECE2120">
    <w:name w:val="6E156043AE894E86B0514A0F94CECE2120"/>
    <w:rsid w:val="00D82894"/>
    <w:pPr>
      <w:spacing w:after="0" w:line="260" w:lineRule="atLeast"/>
    </w:pPr>
    <w:rPr>
      <w:rFonts w:ascii="Times New Roman" w:eastAsiaTheme="minorHAnsi" w:hAnsi="Times New Roman" w:cs="Times New Roman"/>
      <w:lang w:eastAsia="en-US"/>
    </w:rPr>
  </w:style>
  <w:style w:type="paragraph" w:customStyle="1" w:styleId="1B68D6368323483280FD11CF8F0D11D128">
    <w:name w:val="1B68D6368323483280FD11CF8F0D11D128"/>
    <w:rsid w:val="00D82894"/>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8">
    <w:name w:val="C551D5B8DA694511AA3C625EC9AC5CA128"/>
    <w:rsid w:val="00D82894"/>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8">
    <w:name w:val="33D1A2F291454B43A77CC29DC2CB775328"/>
    <w:rsid w:val="00D82894"/>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8">
    <w:name w:val="E2C52655502D4B9C886ED7BF19513FD228"/>
    <w:rsid w:val="00D82894"/>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8">
    <w:name w:val="ED0C702C7C8144B6B245F114E1848AFB28"/>
    <w:rsid w:val="00D82894"/>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3">
    <w:name w:val="035A912BA35E486D8327EC06CBF5835343"/>
    <w:rsid w:val="00D82894"/>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21">
    <w:name w:val="B895AF7CECD3454D94E47CA3564A480B21"/>
    <w:rsid w:val="00E3073B"/>
    <w:pPr>
      <w:spacing w:after="0" w:line="260" w:lineRule="atLeast"/>
    </w:pPr>
    <w:rPr>
      <w:rFonts w:ascii="Times New Roman" w:eastAsiaTheme="minorHAnsi" w:hAnsi="Times New Roman" w:cs="Times New Roman"/>
      <w:lang w:eastAsia="en-US"/>
    </w:rPr>
  </w:style>
  <w:style w:type="paragraph" w:customStyle="1" w:styleId="6E156043AE894E86B0514A0F94CECE2121">
    <w:name w:val="6E156043AE894E86B0514A0F94CECE2121"/>
    <w:rsid w:val="00E3073B"/>
    <w:pPr>
      <w:spacing w:after="0" w:line="260" w:lineRule="atLeast"/>
    </w:pPr>
    <w:rPr>
      <w:rFonts w:ascii="Times New Roman" w:eastAsiaTheme="minorHAnsi" w:hAnsi="Times New Roman" w:cs="Times New Roman"/>
      <w:lang w:eastAsia="en-US"/>
    </w:rPr>
  </w:style>
  <w:style w:type="paragraph" w:customStyle="1" w:styleId="1B68D6368323483280FD11CF8F0D11D129">
    <w:name w:val="1B68D6368323483280FD11CF8F0D11D129"/>
    <w:rsid w:val="00E3073B"/>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29">
    <w:name w:val="C551D5B8DA694511AA3C625EC9AC5CA129"/>
    <w:rsid w:val="00E3073B"/>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29">
    <w:name w:val="33D1A2F291454B43A77CC29DC2CB775329"/>
    <w:rsid w:val="00E3073B"/>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29">
    <w:name w:val="E2C52655502D4B9C886ED7BF19513FD229"/>
    <w:rsid w:val="00E3073B"/>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29">
    <w:name w:val="ED0C702C7C8144B6B245F114E1848AFB29"/>
    <w:rsid w:val="00E3073B"/>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4">
    <w:name w:val="035A912BA35E486D8327EC06CBF5835344"/>
    <w:rsid w:val="00E3073B"/>
    <w:pPr>
      <w:tabs>
        <w:tab w:val="left" w:pos="1418"/>
      </w:tabs>
      <w:spacing w:after="0" w:line="160" w:lineRule="atLeast"/>
      <w:jc w:val="both"/>
    </w:pPr>
    <w:rPr>
      <w:rFonts w:ascii="Arial" w:eastAsiaTheme="minorHAnsi" w:hAnsi="Arial" w:cs="Arial"/>
      <w:sz w:val="12"/>
      <w:lang w:eastAsia="en-US"/>
    </w:rPr>
  </w:style>
  <w:style w:type="paragraph" w:customStyle="1" w:styleId="B895AF7CECD3454D94E47CA3564A480B22">
    <w:name w:val="B895AF7CECD3454D94E47CA3564A480B22"/>
    <w:rsid w:val="009C3C71"/>
    <w:pPr>
      <w:spacing w:after="0" w:line="260" w:lineRule="atLeast"/>
    </w:pPr>
    <w:rPr>
      <w:rFonts w:ascii="Times New Roman" w:eastAsiaTheme="minorHAnsi" w:hAnsi="Times New Roman" w:cs="Times New Roman"/>
      <w:lang w:eastAsia="en-US"/>
    </w:rPr>
  </w:style>
  <w:style w:type="paragraph" w:customStyle="1" w:styleId="6E156043AE894E86B0514A0F94CECE2122">
    <w:name w:val="6E156043AE894E86B0514A0F94CECE2122"/>
    <w:rsid w:val="009C3C71"/>
    <w:pPr>
      <w:spacing w:after="0" w:line="260" w:lineRule="atLeast"/>
    </w:pPr>
    <w:rPr>
      <w:rFonts w:ascii="Times New Roman" w:eastAsiaTheme="minorHAnsi" w:hAnsi="Times New Roman" w:cs="Times New Roman"/>
      <w:lang w:eastAsia="en-US"/>
    </w:rPr>
  </w:style>
  <w:style w:type="paragraph" w:customStyle="1" w:styleId="1B68D6368323483280FD11CF8F0D11D130">
    <w:name w:val="1B68D6368323483280FD11CF8F0D11D130"/>
    <w:rsid w:val="009C3C71"/>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0">
    <w:name w:val="C551D5B8DA694511AA3C625EC9AC5CA130"/>
    <w:rsid w:val="009C3C71"/>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0">
    <w:name w:val="33D1A2F291454B43A77CC29DC2CB775330"/>
    <w:rsid w:val="009C3C71"/>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0">
    <w:name w:val="E2C52655502D4B9C886ED7BF19513FD230"/>
    <w:rsid w:val="009C3C71"/>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0">
    <w:name w:val="ED0C702C7C8144B6B245F114E1848AFB30"/>
    <w:rsid w:val="009C3C71"/>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5">
    <w:name w:val="035A912BA35E486D8327EC06CBF5835345"/>
    <w:rsid w:val="009C3C71"/>
    <w:pPr>
      <w:tabs>
        <w:tab w:val="left" w:pos="1418"/>
      </w:tabs>
      <w:spacing w:after="0" w:line="160" w:lineRule="atLeast"/>
      <w:jc w:val="both"/>
    </w:pPr>
    <w:rPr>
      <w:rFonts w:ascii="Arial" w:eastAsiaTheme="minorHAnsi" w:hAnsi="Arial" w:cs="Arial"/>
      <w:sz w:val="12"/>
      <w:lang w:eastAsia="en-US"/>
    </w:rPr>
  </w:style>
  <w:style w:type="paragraph" w:customStyle="1" w:styleId="79B6E94B622D4EA891BBDC9C3E37F61F">
    <w:name w:val="79B6E94B622D4EA891BBDC9C3E37F61F"/>
    <w:rsid w:val="00BE100A"/>
    <w:pPr>
      <w:spacing w:after="160" w:line="259" w:lineRule="auto"/>
    </w:pPr>
    <w:rPr>
      <w:lang w:val="da-DK" w:eastAsia="da-DK"/>
    </w:rPr>
  </w:style>
  <w:style w:type="paragraph" w:customStyle="1" w:styleId="D8477B756FE04C9D918E5D97251D171D">
    <w:name w:val="D8477B756FE04C9D918E5D97251D171D"/>
    <w:rsid w:val="00BE100A"/>
    <w:pPr>
      <w:spacing w:after="160" w:line="259" w:lineRule="auto"/>
    </w:pPr>
    <w:rPr>
      <w:lang w:val="da-DK" w:eastAsia="da-DK"/>
    </w:rPr>
  </w:style>
  <w:style w:type="paragraph" w:customStyle="1" w:styleId="535DA8D2B2E94E68A7C7DE4BF4605249">
    <w:name w:val="535DA8D2B2E94E68A7C7DE4BF4605249"/>
    <w:rsid w:val="00BE100A"/>
    <w:pPr>
      <w:spacing w:after="160" w:line="259" w:lineRule="auto"/>
    </w:pPr>
    <w:rPr>
      <w:lang w:val="da-DK" w:eastAsia="da-DK"/>
    </w:rPr>
  </w:style>
  <w:style w:type="paragraph" w:customStyle="1" w:styleId="D2A375A00AEA4CF2928445A5EE460856">
    <w:name w:val="D2A375A00AEA4CF2928445A5EE460856"/>
    <w:rsid w:val="00BE100A"/>
    <w:pPr>
      <w:spacing w:after="160" w:line="259" w:lineRule="auto"/>
    </w:pPr>
    <w:rPr>
      <w:lang w:val="da-DK" w:eastAsia="da-DK"/>
    </w:rPr>
  </w:style>
  <w:style w:type="paragraph" w:customStyle="1" w:styleId="429FD53B20024ED6928556A7746076AA">
    <w:name w:val="429FD53B20024ED6928556A7746076AA"/>
    <w:rsid w:val="00BE100A"/>
    <w:pPr>
      <w:spacing w:after="160" w:line="259" w:lineRule="auto"/>
    </w:pPr>
    <w:rPr>
      <w:lang w:val="da-DK" w:eastAsia="da-DK"/>
    </w:rPr>
  </w:style>
  <w:style w:type="paragraph" w:customStyle="1" w:styleId="74704D9DCD2944DAB3521537AE6E4E68">
    <w:name w:val="74704D9DCD2944DAB3521537AE6E4E68"/>
    <w:rsid w:val="00BE100A"/>
    <w:pPr>
      <w:spacing w:after="160" w:line="259" w:lineRule="auto"/>
    </w:pPr>
    <w:rPr>
      <w:lang w:val="da-DK" w:eastAsia="da-DK"/>
    </w:rPr>
  </w:style>
  <w:style w:type="paragraph" w:customStyle="1" w:styleId="915A35F8031E4844A6F38E588D4E31F7">
    <w:name w:val="915A35F8031E4844A6F38E588D4E31F7"/>
    <w:rsid w:val="00BE100A"/>
    <w:pPr>
      <w:spacing w:after="160" w:line="259" w:lineRule="auto"/>
    </w:pPr>
    <w:rPr>
      <w:lang w:val="da-DK" w:eastAsia="da-DK"/>
    </w:rPr>
  </w:style>
  <w:style w:type="paragraph" w:customStyle="1" w:styleId="F18D3DB53E7D41839DB65B09690BB4BD">
    <w:name w:val="F18D3DB53E7D41839DB65B09690BB4BD"/>
    <w:rsid w:val="00BE100A"/>
    <w:pPr>
      <w:spacing w:after="160" w:line="259" w:lineRule="auto"/>
    </w:pPr>
    <w:rPr>
      <w:lang w:val="da-DK" w:eastAsia="da-DK"/>
    </w:rPr>
  </w:style>
  <w:style w:type="paragraph" w:customStyle="1" w:styleId="EE0141A414EA43EBA2813E11D8CD2FFC">
    <w:name w:val="EE0141A414EA43EBA2813E11D8CD2FFC"/>
    <w:rsid w:val="00BE100A"/>
    <w:pPr>
      <w:spacing w:after="160" w:line="259" w:lineRule="auto"/>
    </w:pPr>
    <w:rPr>
      <w:lang w:val="da-DK" w:eastAsia="da-DK"/>
    </w:rPr>
  </w:style>
  <w:style w:type="paragraph" w:customStyle="1" w:styleId="C5F4694B74724663AE506CD6571CEB2B">
    <w:name w:val="C5F4694B74724663AE506CD6571CEB2B"/>
    <w:rsid w:val="00BE100A"/>
    <w:pPr>
      <w:spacing w:after="160" w:line="259" w:lineRule="auto"/>
    </w:pPr>
    <w:rPr>
      <w:lang w:val="da-DK" w:eastAsia="da-DK"/>
    </w:rPr>
  </w:style>
  <w:style w:type="paragraph" w:customStyle="1" w:styleId="956AB80205764EAD9C57CCC48AD5B089">
    <w:name w:val="956AB80205764EAD9C57CCC48AD5B089"/>
    <w:rsid w:val="00BE100A"/>
    <w:pPr>
      <w:spacing w:after="160" w:line="259" w:lineRule="auto"/>
    </w:pPr>
    <w:rPr>
      <w:lang w:val="da-DK" w:eastAsia="da-DK"/>
    </w:rPr>
  </w:style>
  <w:style w:type="paragraph" w:customStyle="1" w:styleId="667212919F7741DFBBFCACCDE15872F3">
    <w:name w:val="667212919F7741DFBBFCACCDE15872F3"/>
    <w:rsid w:val="00BE100A"/>
    <w:pPr>
      <w:spacing w:after="160" w:line="259" w:lineRule="auto"/>
    </w:pPr>
    <w:rPr>
      <w:lang w:val="da-DK" w:eastAsia="da-DK"/>
    </w:rPr>
  </w:style>
  <w:style w:type="paragraph" w:customStyle="1" w:styleId="5E58E44E0B9946FEB3877E2C3418ADF1">
    <w:name w:val="5E58E44E0B9946FEB3877E2C3418ADF1"/>
    <w:rsid w:val="00BE100A"/>
    <w:pPr>
      <w:spacing w:after="160" w:line="259" w:lineRule="auto"/>
    </w:pPr>
    <w:rPr>
      <w:lang w:val="da-DK" w:eastAsia="da-DK"/>
    </w:rPr>
  </w:style>
  <w:style w:type="paragraph" w:customStyle="1" w:styleId="17F635EFD2F1496BBEB3D3CD8D1A4F8D">
    <w:name w:val="17F635EFD2F1496BBEB3D3CD8D1A4F8D"/>
    <w:rsid w:val="00BE100A"/>
    <w:pPr>
      <w:spacing w:after="160" w:line="259" w:lineRule="auto"/>
    </w:pPr>
    <w:rPr>
      <w:lang w:val="da-DK" w:eastAsia="da-DK"/>
    </w:rPr>
  </w:style>
  <w:style w:type="paragraph" w:customStyle="1" w:styleId="0B732272F7A34734832EA5D5B1F8358B">
    <w:name w:val="0B732272F7A34734832EA5D5B1F8358B"/>
    <w:rsid w:val="00BE100A"/>
    <w:pPr>
      <w:spacing w:after="160" w:line="259" w:lineRule="auto"/>
    </w:pPr>
    <w:rPr>
      <w:lang w:val="da-DK" w:eastAsia="da-DK"/>
    </w:rPr>
  </w:style>
  <w:style w:type="paragraph" w:customStyle="1" w:styleId="73D5C4A254674C84AA6A41DCA34B3AD7">
    <w:name w:val="73D5C4A254674C84AA6A41DCA34B3AD7"/>
    <w:rsid w:val="00BE100A"/>
    <w:pPr>
      <w:spacing w:after="160" w:line="259" w:lineRule="auto"/>
    </w:pPr>
    <w:rPr>
      <w:lang w:val="da-DK" w:eastAsia="da-DK"/>
    </w:rPr>
  </w:style>
  <w:style w:type="paragraph" w:customStyle="1" w:styleId="F389131D68C94598AECCD66337EC3ED7">
    <w:name w:val="F389131D68C94598AECCD66337EC3ED7"/>
    <w:rsid w:val="00BE100A"/>
    <w:pPr>
      <w:spacing w:after="160" w:line="259" w:lineRule="auto"/>
    </w:pPr>
    <w:rPr>
      <w:lang w:val="da-DK" w:eastAsia="da-DK"/>
    </w:rPr>
  </w:style>
  <w:style w:type="paragraph" w:customStyle="1" w:styleId="60434E2234DF4D099D88988ADB7B3BFF">
    <w:name w:val="60434E2234DF4D099D88988ADB7B3BFF"/>
    <w:rsid w:val="00BE100A"/>
    <w:pPr>
      <w:spacing w:after="160" w:line="259" w:lineRule="auto"/>
    </w:pPr>
    <w:rPr>
      <w:lang w:val="da-DK" w:eastAsia="da-DK"/>
    </w:rPr>
  </w:style>
  <w:style w:type="paragraph" w:customStyle="1" w:styleId="2038CE2F71974102A3775AA3538A8C69">
    <w:name w:val="2038CE2F71974102A3775AA3538A8C69"/>
    <w:rsid w:val="00BE100A"/>
    <w:pPr>
      <w:spacing w:after="160" w:line="259" w:lineRule="auto"/>
    </w:pPr>
    <w:rPr>
      <w:lang w:val="da-DK" w:eastAsia="da-DK"/>
    </w:rPr>
  </w:style>
  <w:style w:type="paragraph" w:customStyle="1" w:styleId="668493C311664569A83663BDBE04F31A">
    <w:name w:val="668493C311664569A83663BDBE04F31A"/>
    <w:rsid w:val="00BE100A"/>
    <w:pPr>
      <w:spacing w:after="160" w:line="259" w:lineRule="auto"/>
    </w:pPr>
    <w:rPr>
      <w:lang w:val="da-DK" w:eastAsia="da-DK"/>
    </w:rPr>
  </w:style>
  <w:style w:type="paragraph" w:customStyle="1" w:styleId="FE50024EB34048CF8E894689EA5D8C9C">
    <w:name w:val="FE50024EB34048CF8E894689EA5D8C9C"/>
    <w:rsid w:val="00BE100A"/>
    <w:pPr>
      <w:spacing w:after="160" w:line="259" w:lineRule="auto"/>
    </w:pPr>
    <w:rPr>
      <w:lang w:val="da-DK" w:eastAsia="da-DK"/>
    </w:rPr>
  </w:style>
  <w:style w:type="paragraph" w:customStyle="1" w:styleId="BE10E6E7042A4E51B89CE4C90964377E">
    <w:name w:val="BE10E6E7042A4E51B89CE4C90964377E"/>
    <w:rsid w:val="00BE100A"/>
    <w:pPr>
      <w:spacing w:after="160" w:line="259" w:lineRule="auto"/>
    </w:pPr>
    <w:rPr>
      <w:lang w:val="da-DK" w:eastAsia="da-DK"/>
    </w:rPr>
  </w:style>
  <w:style w:type="paragraph" w:customStyle="1" w:styleId="21B44B57AF044545B065A954F42943A1">
    <w:name w:val="21B44B57AF044545B065A954F42943A1"/>
    <w:rsid w:val="00BE100A"/>
    <w:pPr>
      <w:spacing w:after="160" w:line="259" w:lineRule="auto"/>
    </w:pPr>
    <w:rPr>
      <w:lang w:val="da-DK" w:eastAsia="da-DK"/>
    </w:rPr>
  </w:style>
  <w:style w:type="paragraph" w:customStyle="1" w:styleId="E35064075BA4419995AE7C2C5C5F277A">
    <w:name w:val="E35064075BA4419995AE7C2C5C5F277A"/>
    <w:rsid w:val="00BE100A"/>
    <w:pPr>
      <w:spacing w:after="160" w:line="259" w:lineRule="auto"/>
    </w:pPr>
    <w:rPr>
      <w:lang w:val="da-DK" w:eastAsia="da-DK"/>
    </w:rPr>
  </w:style>
  <w:style w:type="paragraph" w:customStyle="1" w:styleId="43226A1DA7FD44E289F48B613522F4D7">
    <w:name w:val="43226A1DA7FD44E289F48B613522F4D7"/>
    <w:rsid w:val="00BE100A"/>
    <w:pPr>
      <w:spacing w:after="160" w:line="259" w:lineRule="auto"/>
    </w:pPr>
    <w:rPr>
      <w:lang w:val="da-DK" w:eastAsia="da-DK"/>
    </w:rPr>
  </w:style>
  <w:style w:type="paragraph" w:customStyle="1" w:styleId="0736E072B8AB48C8A702451E31143CAB">
    <w:name w:val="0736E072B8AB48C8A702451E31143CAB"/>
    <w:rsid w:val="00BE100A"/>
    <w:pPr>
      <w:spacing w:after="160" w:line="259" w:lineRule="auto"/>
    </w:pPr>
    <w:rPr>
      <w:lang w:val="da-DK" w:eastAsia="da-DK"/>
    </w:rPr>
  </w:style>
  <w:style w:type="paragraph" w:customStyle="1" w:styleId="5A971ABFA80B4DE1A37D61F7BE8BB2BE">
    <w:name w:val="5A971ABFA80B4DE1A37D61F7BE8BB2BE"/>
    <w:rsid w:val="00BE100A"/>
    <w:pPr>
      <w:spacing w:after="160" w:line="259" w:lineRule="auto"/>
    </w:pPr>
    <w:rPr>
      <w:lang w:val="da-DK" w:eastAsia="da-DK"/>
    </w:rPr>
  </w:style>
  <w:style w:type="paragraph" w:customStyle="1" w:styleId="B5825B03DFD44592BF973672354DDE30">
    <w:name w:val="B5825B03DFD44592BF973672354DDE30"/>
    <w:rsid w:val="00BE100A"/>
    <w:pPr>
      <w:spacing w:after="160" w:line="259" w:lineRule="auto"/>
    </w:pPr>
    <w:rPr>
      <w:lang w:val="da-DK" w:eastAsia="da-DK"/>
    </w:rPr>
  </w:style>
  <w:style w:type="paragraph" w:customStyle="1" w:styleId="615CB3E6FC1B454BAAE3106580A18E8C">
    <w:name w:val="615CB3E6FC1B454BAAE3106580A18E8C"/>
    <w:rsid w:val="00BE100A"/>
    <w:pPr>
      <w:spacing w:after="160" w:line="259" w:lineRule="auto"/>
    </w:pPr>
    <w:rPr>
      <w:lang w:val="da-DK" w:eastAsia="da-DK"/>
    </w:rPr>
  </w:style>
  <w:style w:type="paragraph" w:customStyle="1" w:styleId="2DE3B412BC1043FB9D581143CDDDCCE2">
    <w:name w:val="2DE3B412BC1043FB9D581143CDDDCCE2"/>
    <w:rsid w:val="00BE100A"/>
    <w:pPr>
      <w:spacing w:after="160" w:line="259" w:lineRule="auto"/>
    </w:pPr>
    <w:rPr>
      <w:lang w:val="da-DK" w:eastAsia="da-DK"/>
    </w:rPr>
  </w:style>
  <w:style w:type="paragraph" w:customStyle="1" w:styleId="C8EBB6FC72C34C48BBDA22D3BB9CE756">
    <w:name w:val="C8EBB6FC72C34C48BBDA22D3BB9CE756"/>
    <w:rsid w:val="00BE100A"/>
    <w:pPr>
      <w:spacing w:after="160" w:line="259" w:lineRule="auto"/>
    </w:pPr>
    <w:rPr>
      <w:lang w:val="da-DK" w:eastAsia="da-DK"/>
    </w:rPr>
  </w:style>
  <w:style w:type="paragraph" w:customStyle="1" w:styleId="3E0A46690A4A42A8B3249C8B67990BFC">
    <w:name w:val="3E0A46690A4A42A8B3249C8B67990BFC"/>
    <w:rsid w:val="00BE100A"/>
    <w:pPr>
      <w:spacing w:after="160" w:line="259" w:lineRule="auto"/>
    </w:pPr>
    <w:rPr>
      <w:lang w:val="da-DK" w:eastAsia="da-DK"/>
    </w:rPr>
  </w:style>
  <w:style w:type="paragraph" w:customStyle="1" w:styleId="688AE0E500BA4806905FF56300FB0F7D">
    <w:name w:val="688AE0E500BA4806905FF56300FB0F7D"/>
    <w:rsid w:val="00BE100A"/>
    <w:pPr>
      <w:spacing w:after="160" w:line="259" w:lineRule="auto"/>
    </w:pPr>
    <w:rPr>
      <w:lang w:val="da-DK" w:eastAsia="da-DK"/>
    </w:rPr>
  </w:style>
  <w:style w:type="paragraph" w:customStyle="1" w:styleId="393D4B77611442AB9BCDF19AC8E65AAB">
    <w:name w:val="393D4B77611442AB9BCDF19AC8E65AAB"/>
    <w:rsid w:val="00BE100A"/>
    <w:pPr>
      <w:spacing w:after="160" w:line="259" w:lineRule="auto"/>
    </w:pPr>
    <w:rPr>
      <w:lang w:val="da-DK" w:eastAsia="da-DK"/>
    </w:rPr>
  </w:style>
  <w:style w:type="paragraph" w:customStyle="1" w:styleId="DE3F7F6048944C80A903D259F642278C">
    <w:name w:val="DE3F7F6048944C80A903D259F642278C"/>
    <w:rsid w:val="00BE100A"/>
    <w:pPr>
      <w:spacing w:after="160" w:line="259" w:lineRule="auto"/>
    </w:pPr>
    <w:rPr>
      <w:lang w:val="da-DK" w:eastAsia="da-DK"/>
    </w:rPr>
  </w:style>
  <w:style w:type="paragraph" w:customStyle="1" w:styleId="C749E72BC4D14C848896666043AC3B40">
    <w:name w:val="C749E72BC4D14C848896666043AC3B40"/>
    <w:rsid w:val="00BE100A"/>
    <w:pPr>
      <w:spacing w:after="160" w:line="259" w:lineRule="auto"/>
    </w:pPr>
    <w:rPr>
      <w:lang w:val="da-DK" w:eastAsia="da-DK"/>
    </w:rPr>
  </w:style>
  <w:style w:type="paragraph" w:customStyle="1" w:styleId="E9521DAF7F644BEEAC50C34DCD4CA111">
    <w:name w:val="E9521DAF7F644BEEAC50C34DCD4CA111"/>
    <w:rsid w:val="00BE100A"/>
    <w:pPr>
      <w:spacing w:after="160" w:line="259" w:lineRule="auto"/>
    </w:pPr>
    <w:rPr>
      <w:lang w:val="da-DK" w:eastAsia="da-DK"/>
    </w:rPr>
  </w:style>
  <w:style w:type="paragraph" w:customStyle="1" w:styleId="3DC4ED638A7D4408AE12B5B628B10891">
    <w:name w:val="3DC4ED638A7D4408AE12B5B628B10891"/>
    <w:rsid w:val="00BE100A"/>
    <w:pPr>
      <w:spacing w:after="160" w:line="259" w:lineRule="auto"/>
    </w:pPr>
    <w:rPr>
      <w:lang w:val="da-DK" w:eastAsia="da-DK"/>
    </w:rPr>
  </w:style>
  <w:style w:type="paragraph" w:customStyle="1" w:styleId="5F9C8C7C4D654273AF2C4C6B6BBA2FCD">
    <w:name w:val="5F9C8C7C4D654273AF2C4C6B6BBA2FCD"/>
    <w:rsid w:val="00BE100A"/>
    <w:pPr>
      <w:spacing w:after="160" w:line="259" w:lineRule="auto"/>
    </w:pPr>
    <w:rPr>
      <w:lang w:val="da-DK" w:eastAsia="da-DK"/>
    </w:rPr>
  </w:style>
  <w:style w:type="paragraph" w:customStyle="1" w:styleId="72DD481A71C3421588CF6D2090A323BF">
    <w:name w:val="72DD481A71C3421588CF6D2090A323BF"/>
    <w:rsid w:val="00BE100A"/>
    <w:pPr>
      <w:spacing w:after="160" w:line="259" w:lineRule="auto"/>
    </w:pPr>
    <w:rPr>
      <w:lang w:val="da-DK" w:eastAsia="da-DK"/>
    </w:rPr>
  </w:style>
  <w:style w:type="paragraph" w:customStyle="1" w:styleId="0B567D21EB2A4D9DBC2D1AF9D7DEB4DB">
    <w:name w:val="0B567D21EB2A4D9DBC2D1AF9D7DEB4DB"/>
    <w:rsid w:val="00BE100A"/>
    <w:pPr>
      <w:spacing w:after="160" w:line="259" w:lineRule="auto"/>
    </w:pPr>
    <w:rPr>
      <w:lang w:val="da-DK" w:eastAsia="da-DK"/>
    </w:rPr>
  </w:style>
  <w:style w:type="paragraph" w:customStyle="1" w:styleId="D558A77F260E4CCB86528B16A97E50A7">
    <w:name w:val="D558A77F260E4CCB86528B16A97E50A7"/>
    <w:rsid w:val="00BE100A"/>
    <w:pPr>
      <w:spacing w:after="160" w:line="259" w:lineRule="auto"/>
    </w:pPr>
    <w:rPr>
      <w:lang w:val="da-DK" w:eastAsia="da-DK"/>
    </w:rPr>
  </w:style>
  <w:style w:type="paragraph" w:customStyle="1" w:styleId="929BA2BC13934F1CB83370E13E2AF6A3">
    <w:name w:val="929BA2BC13934F1CB83370E13E2AF6A3"/>
    <w:rsid w:val="00BE100A"/>
    <w:pPr>
      <w:spacing w:after="160" w:line="259" w:lineRule="auto"/>
    </w:pPr>
    <w:rPr>
      <w:lang w:val="da-DK" w:eastAsia="da-DK"/>
    </w:rPr>
  </w:style>
  <w:style w:type="paragraph" w:customStyle="1" w:styleId="19D5DCAFCDF445AB95229A7C904E6F12">
    <w:name w:val="19D5DCAFCDF445AB95229A7C904E6F12"/>
    <w:rsid w:val="00BE100A"/>
    <w:pPr>
      <w:spacing w:after="160" w:line="259" w:lineRule="auto"/>
    </w:pPr>
    <w:rPr>
      <w:lang w:val="da-DK" w:eastAsia="da-DK"/>
    </w:rPr>
  </w:style>
  <w:style w:type="paragraph" w:customStyle="1" w:styleId="02CE7EB95A8145C28197BCB500689106">
    <w:name w:val="02CE7EB95A8145C28197BCB500689106"/>
    <w:rsid w:val="00BE100A"/>
    <w:pPr>
      <w:spacing w:after="160" w:line="259" w:lineRule="auto"/>
    </w:pPr>
    <w:rPr>
      <w:lang w:val="da-DK" w:eastAsia="da-DK"/>
    </w:rPr>
  </w:style>
  <w:style w:type="paragraph" w:customStyle="1" w:styleId="C72DFBC809FA420BBE02A973CE298A67">
    <w:name w:val="C72DFBC809FA420BBE02A973CE298A67"/>
    <w:rsid w:val="00BE100A"/>
    <w:pPr>
      <w:spacing w:after="160" w:line="259" w:lineRule="auto"/>
    </w:pPr>
    <w:rPr>
      <w:lang w:val="da-DK" w:eastAsia="da-DK"/>
    </w:rPr>
  </w:style>
  <w:style w:type="paragraph" w:customStyle="1" w:styleId="D3FFF4FDB904485E87AEBD81FB832A22">
    <w:name w:val="D3FFF4FDB904485E87AEBD81FB832A22"/>
    <w:rsid w:val="00BE100A"/>
    <w:pPr>
      <w:spacing w:after="160" w:line="259" w:lineRule="auto"/>
    </w:pPr>
    <w:rPr>
      <w:lang w:val="da-DK" w:eastAsia="da-DK"/>
    </w:rPr>
  </w:style>
  <w:style w:type="paragraph" w:customStyle="1" w:styleId="9CCCBB8E3C334B6389B5F5D9109DD5D5">
    <w:name w:val="9CCCBB8E3C334B6389B5F5D9109DD5D5"/>
    <w:rsid w:val="00BE100A"/>
    <w:pPr>
      <w:spacing w:after="160" w:line="259" w:lineRule="auto"/>
    </w:pPr>
    <w:rPr>
      <w:lang w:val="da-DK" w:eastAsia="da-DK"/>
    </w:rPr>
  </w:style>
  <w:style w:type="paragraph" w:customStyle="1" w:styleId="35FD1ECB359348C4B6B515BBB7001C66">
    <w:name w:val="35FD1ECB359348C4B6B515BBB7001C66"/>
    <w:rsid w:val="00BE100A"/>
    <w:pPr>
      <w:spacing w:after="160" w:line="259" w:lineRule="auto"/>
    </w:pPr>
    <w:rPr>
      <w:lang w:val="da-DK" w:eastAsia="da-DK"/>
    </w:rPr>
  </w:style>
  <w:style w:type="paragraph" w:customStyle="1" w:styleId="5BE5D918BA734F59AB3799957845306A">
    <w:name w:val="5BE5D918BA734F59AB3799957845306A"/>
    <w:rsid w:val="00BE100A"/>
    <w:pPr>
      <w:spacing w:after="160" w:line="259" w:lineRule="auto"/>
    </w:pPr>
    <w:rPr>
      <w:lang w:val="da-DK" w:eastAsia="da-DK"/>
    </w:rPr>
  </w:style>
  <w:style w:type="paragraph" w:customStyle="1" w:styleId="9F7B6D27242746F7A3C0F749BC832C4F">
    <w:name w:val="9F7B6D27242746F7A3C0F749BC832C4F"/>
    <w:rsid w:val="00BE100A"/>
    <w:pPr>
      <w:spacing w:after="160" w:line="259" w:lineRule="auto"/>
    </w:pPr>
    <w:rPr>
      <w:lang w:val="da-DK" w:eastAsia="da-DK"/>
    </w:rPr>
  </w:style>
  <w:style w:type="paragraph" w:customStyle="1" w:styleId="69A1870ED78F4A429F3F8830920464AA">
    <w:name w:val="69A1870ED78F4A429F3F8830920464AA"/>
    <w:rsid w:val="00BE100A"/>
    <w:pPr>
      <w:spacing w:after="160" w:line="259" w:lineRule="auto"/>
    </w:pPr>
    <w:rPr>
      <w:lang w:val="da-DK" w:eastAsia="da-DK"/>
    </w:rPr>
  </w:style>
  <w:style w:type="paragraph" w:customStyle="1" w:styleId="90D78A61E2E94C9DA00FBC89F39851FA">
    <w:name w:val="90D78A61E2E94C9DA00FBC89F39851FA"/>
    <w:rsid w:val="00BE100A"/>
    <w:pPr>
      <w:spacing w:after="160" w:line="259" w:lineRule="auto"/>
    </w:pPr>
    <w:rPr>
      <w:lang w:val="da-DK" w:eastAsia="da-DK"/>
    </w:rPr>
  </w:style>
  <w:style w:type="paragraph" w:customStyle="1" w:styleId="BD76358962F0480BBD8C82CD7E4F593F">
    <w:name w:val="BD76358962F0480BBD8C82CD7E4F593F"/>
    <w:rsid w:val="00BE100A"/>
    <w:pPr>
      <w:spacing w:after="160" w:line="259" w:lineRule="auto"/>
    </w:pPr>
    <w:rPr>
      <w:lang w:val="da-DK" w:eastAsia="da-DK"/>
    </w:rPr>
  </w:style>
  <w:style w:type="paragraph" w:customStyle="1" w:styleId="69BFD881D443405F9821263B612D29DB">
    <w:name w:val="69BFD881D443405F9821263B612D29DB"/>
    <w:rsid w:val="00BE100A"/>
    <w:pPr>
      <w:spacing w:after="160" w:line="259" w:lineRule="auto"/>
    </w:pPr>
    <w:rPr>
      <w:lang w:val="da-DK" w:eastAsia="da-DK"/>
    </w:rPr>
  </w:style>
  <w:style w:type="paragraph" w:customStyle="1" w:styleId="A7A8D06342C84192BF4AC13A6DD07E65">
    <w:name w:val="A7A8D06342C84192BF4AC13A6DD07E65"/>
    <w:rsid w:val="00BE100A"/>
    <w:pPr>
      <w:spacing w:after="160" w:line="259" w:lineRule="auto"/>
    </w:pPr>
    <w:rPr>
      <w:lang w:val="da-DK" w:eastAsia="da-DK"/>
    </w:rPr>
  </w:style>
  <w:style w:type="paragraph" w:customStyle="1" w:styleId="2326D594530844B1A27DC7D65C36FDA4">
    <w:name w:val="2326D594530844B1A27DC7D65C36FDA4"/>
    <w:rsid w:val="00BE100A"/>
    <w:pPr>
      <w:spacing w:after="160" w:line="259" w:lineRule="auto"/>
    </w:pPr>
    <w:rPr>
      <w:lang w:val="da-DK" w:eastAsia="da-DK"/>
    </w:rPr>
  </w:style>
  <w:style w:type="paragraph" w:customStyle="1" w:styleId="66B0420BB99F4B9C939C0E1EB5D10057">
    <w:name w:val="66B0420BB99F4B9C939C0E1EB5D10057"/>
    <w:rsid w:val="00BE100A"/>
    <w:pPr>
      <w:spacing w:after="160" w:line="259" w:lineRule="auto"/>
    </w:pPr>
    <w:rPr>
      <w:lang w:val="da-DK" w:eastAsia="da-DK"/>
    </w:rPr>
  </w:style>
  <w:style w:type="paragraph" w:customStyle="1" w:styleId="9DE308232E8F4344AAEAE367BC437172">
    <w:name w:val="9DE308232E8F4344AAEAE367BC437172"/>
    <w:rsid w:val="00BE100A"/>
    <w:pPr>
      <w:spacing w:after="160" w:line="259" w:lineRule="auto"/>
    </w:pPr>
    <w:rPr>
      <w:lang w:val="da-DK" w:eastAsia="da-DK"/>
    </w:rPr>
  </w:style>
  <w:style w:type="paragraph" w:customStyle="1" w:styleId="25DEB5489D11481C81342DFB6880B10F">
    <w:name w:val="25DEB5489D11481C81342DFB6880B10F"/>
    <w:rsid w:val="00BE100A"/>
    <w:pPr>
      <w:spacing w:after="160" w:line="259" w:lineRule="auto"/>
    </w:pPr>
    <w:rPr>
      <w:lang w:val="da-DK" w:eastAsia="da-DK"/>
    </w:rPr>
  </w:style>
  <w:style w:type="paragraph" w:customStyle="1" w:styleId="868F6E3107524770BA581660BE7C39E4">
    <w:name w:val="868F6E3107524770BA581660BE7C39E4"/>
    <w:rsid w:val="00BE100A"/>
    <w:pPr>
      <w:spacing w:after="160" w:line="259" w:lineRule="auto"/>
    </w:pPr>
    <w:rPr>
      <w:lang w:val="da-DK" w:eastAsia="da-DK"/>
    </w:rPr>
  </w:style>
  <w:style w:type="paragraph" w:customStyle="1" w:styleId="7980515F815941D5B9D457B5F01CB7A2">
    <w:name w:val="7980515F815941D5B9D457B5F01CB7A2"/>
    <w:rsid w:val="00BE100A"/>
    <w:pPr>
      <w:spacing w:after="160" w:line="259" w:lineRule="auto"/>
    </w:pPr>
    <w:rPr>
      <w:lang w:val="da-DK" w:eastAsia="da-DK"/>
    </w:rPr>
  </w:style>
  <w:style w:type="paragraph" w:customStyle="1" w:styleId="76931EB936D5419F81BC6E3AA983B627">
    <w:name w:val="76931EB936D5419F81BC6E3AA983B627"/>
    <w:rsid w:val="00BE100A"/>
    <w:pPr>
      <w:spacing w:after="160" w:line="259" w:lineRule="auto"/>
    </w:pPr>
    <w:rPr>
      <w:lang w:val="da-DK" w:eastAsia="da-DK"/>
    </w:rPr>
  </w:style>
  <w:style w:type="paragraph" w:customStyle="1" w:styleId="D64B367A68B741B4BD3C465401BD8FBE">
    <w:name w:val="D64B367A68B741B4BD3C465401BD8FBE"/>
    <w:rsid w:val="00BE100A"/>
    <w:pPr>
      <w:spacing w:after="160" w:line="259" w:lineRule="auto"/>
    </w:pPr>
    <w:rPr>
      <w:lang w:val="da-DK" w:eastAsia="da-DK"/>
    </w:rPr>
  </w:style>
  <w:style w:type="paragraph" w:customStyle="1" w:styleId="3E508CA4B9284F4D9C152B735DBB34FE">
    <w:name w:val="3E508CA4B9284F4D9C152B735DBB34FE"/>
    <w:rsid w:val="00BE100A"/>
    <w:pPr>
      <w:spacing w:after="160" w:line="259" w:lineRule="auto"/>
    </w:pPr>
    <w:rPr>
      <w:lang w:val="da-DK" w:eastAsia="da-DK"/>
    </w:rPr>
  </w:style>
  <w:style w:type="paragraph" w:customStyle="1" w:styleId="91C6797E54B549B2B4195B0E42454C93">
    <w:name w:val="91C6797E54B549B2B4195B0E42454C93"/>
    <w:rsid w:val="00BE100A"/>
    <w:pPr>
      <w:spacing w:after="160" w:line="259" w:lineRule="auto"/>
    </w:pPr>
    <w:rPr>
      <w:lang w:val="da-DK" w:eastAsia="da-DK"/>
    </w:rPr>
  </w:style>
  <w:style w:type="paragraph" w:customStyle="1" w:styleId="73275817B8EE453DB3F77834C5FB9DD8">
    <w:name w:val="73275817B8EE453DB3F77834C5FB9DD8"/>
    <w:rsid w:val="00BE100A"/>
    <w:pPr>
      <w:spacing w:after="160" w:line="259" w:lineRule="auto"/>
    </w:pPr>
    <w:rPr>
      <w:lang w:val="da-DK" w:eastAsia="da-DK"/>
    </w:rPr>
  </w:style>
  <w:style w:type="paragraph" w:customStyle="1" w:styleId="07205E7BFE494055931828F5FE26314B">
    <w:name w:val="07205E7BFE494055931828F5FE26314B"/>
    <w:rsid w:val="00BE100A"/>
    <w:pPr>
      <w:spacing w:after="160" w:line="259" w:lineRule="auto"/>
    </w:pPr>
    <w:rPr>
      <w:lang w:val="da-DK" w:eastAsia="da-DK"/>
    </w:rPr>
  </w:style>
  <w:style w:type="paragraph" w:customStyle="1" w:styleId="858ED7E1773D4A4180946219E3B17934">
    <w:name w:val="858ED7E1773D4A4180946219E3B17934"/>
    <w:rsid w:val="00BE100A"/>
    <w:pPr>
      <w:spacing w:after="160" w:line="259" w:lineRule="auto"/>
    </w:pPr>
    <w:rPr>
      <w:lang w:val="da-DK" w:eastAsia="da-DK"/>
    </w:rPr>
  </w:style>
  <w:style w:type="paragraph" w:customStyle="1" w:styleId="BEE771015A164F4BA5C115FAD0FCC9C5">
    <w:name w:val="BEE771015A164F4BA5C115FAD0FCC9C5"/>
    <w:rsid w:val="00BE100A"/>
    <w:pPr>
      <w:spacing w:after="160" w:line="259" w:lineRule="auto"/>
    </w:pPr>
    <w:rPr>
      <w:lang w:val="da-DK" w:eastAsia="da-DK"/>
    </w:rPr>
  </w:style>
  <w:style w:type="paragraph" w:customStyle="1" w:styleId="3D813DFB66DC4107A925F4BFD0A4206D">
    <w:name w:val="3D813DFB66DC4107A925F4BFD0A4206D"/>
    <w:rsid w:val="00BE100A"/>
    <w:pPr>
      <w:spacing w:after="160" w:line="259" w:lineRule="auto"/>
    </w:pPr>
    <w:rPr>
      <w:lang w:val="da-DK" w:eastAsia="da-DK"/>
    </w:rPr>
  </w:style>
  <w:style w:type="paragraph" w:customStyle="1" w:styleId="CF13281FEC49435BA9B31E36910B0E1E">
    <w:name w:val="CF13281FEC49435BA9B31E36910B0E1E"/>
    <w:rsid w:val="00BE100A"/>
    <w:pPr>
      <w:spacing w:after="160" w:line="259" w:lineRule="auto"/>
    </w:pPr>
    <w:rPr>
      <w:lang w:val="da-DK" w:eastAsia="da-DK"/>
    </w:rPr>
  </w:style>
  <w:style w:type="paragraph" w:customStyle="1" w:styleId="112E38FB748C4D6E883484053ABC9BA3">
    <w:name w:val="112E38FB748C4D6E883484053ABC9BA3"/>
    <w:rsid w:val="00BE100A"/>
    <w:pPr>
      <w:spacing w:after="160" w:line="259" w:lineRule="auto"/>
    </w:pPr>
    <w:rPr>
      <w:lang w:val="da-DK" w:eastAsia="da-DK"/>
    </w:rPr>
  </w:style>
  <w:style w:type="paragraph" w:customStyle="1" w:styleId="F517CDAAF9B341D89EFEA1B8A4E9089F">
    <w:name w:val="F517CDAAF9B341D89EFEA1B8A4E9089F"/>
    <w:rsid w:val="00BE100A"/>
    <w:pPr>
      <w:spacing w:after="160" w:line="259" w:lineRule="auto"/>
    </w:pPr>
    <w:rPr>
      <w:lang w:val="da-DK" w:eastAsia="da-DK"/>
    </w:rPr>
  </w:style>
  <w:style w:type="paragraph" w:customStyle="1" w:styleId="B584C95DBBAE4BD8BC26A5FAC3E135DA">
    <w:name w:val="B584C95DBBAE4BD8BC26A5FAC3E135DA"/>
    <w:rsid w:val="00BE100A"/>
    <w:pPr>
      <w:spacing w:after="160" w:line="259" w:lineRule="auto"/>
    </w:pPr>
    <w:rPr>
      <w:lang w:val="da-DK" w:eastAsia="da-DK"/>
    </w:rPr>
  </w:style>
  <w:style w:type="paragraph" w:customStyle="1" w:styleId="C94FD67A94EE477AA3732566FC5A25A2">
    <w:name w:val="C94FD67A94EE477AA3732566FC5A25A2"/>
    <w:rsid w:val="00BE100A"/>
    <w:pPr>
      <w:spacing w:after="160" w:line="259" w:lineRule="auto"/>
    </w:pPr>
    <w:rPr>
      <w:lang w:val="da-DK" w:eastAsia="da-DK"/>
    </w:rPr>
  </w:style>
  <w:style w:type="paragraph" w:customStyle="1" w:styleId="B216263D6DF04D81822DFE241E1F24B2">
    <w:name w:val="B216263D6DF04D81822DFE241E1F24B2"/>
    <w:rsid w:val="00BE100A"/>
    <w:pPr>
      <w:spacing w:after="160" w:line="259" w:lineRule="auto"/>
    </w:pPr>
    <w:rPr>
      <w:lang w:val="da-DK" w:eastAsia="da-DK"/>
    </w:rPr>
  </w:style>
  <w:style w:type="paragraph" w:customStyle="1" w:styleId="702837BD4EF44752B3BB80D3AB3F91F0">
    <w:name w:val="702837BD4EF44752B3BB80D3AB3F91F0"/>
    <w:rsid w:val="00BE100A"/>
    <w:pPr>
      <w:spacing w:after="160" w:line="259" w:lineRule="auto"/>
    </w:pPr>
    <w:rPr>
      <w:lang w:val="da-DK" w:eastAsia="da-DK"/>
    </w:rPr>
  </w:style>
  <w:style w:type="paragraph" w:customStyle="1" w:styleId="3AD7F65BB9FA43C1872932B8E03B7221">
    <w:name w:val="3AD7F65BB9FA43C1872932B8E03B7221"/>
    <w:rsid w:val="00BE100A"/>
    <w:pPr>
      <w:spacing w:after="160" w:line="259" w:lineRule="auto"/>
    </w:pPr>
    <w:rPr>
      <w:lang w:val="da-DK" w:eastAsia="da-DK"/>
    </w:rPr>
  </w:style>
  <w:style w:type="paragraph" w:customStyle="1" w:styleId="159111BDA95D4A72899F184104738689">
    <w:name w:val="159111BDA95D4A72899F184104738689"/>
    <w:rsid w:val="00BE100A"/>
    <w:pPr>
      <w:spacing w:after="160" w:line="259" w:lineRule="auto"/>
    </w:pPr>
    <w:rPr>
      <w:lang w:val="da-DK" w:eastAsia="da-DK"/>
    </w:rPr>
  </w:style>
  <w:style w:type="paragraph" w:customStyle="1" w:styleId="8442CD25D8C346E992018689E8E58522">
    <w:name w:val="8442CD25D8C346E992018689E8E58522"/>
    <w:rsid w:val="00BE100A"/>
    <w:pPr>
      <w:spacing w:after="160" w:line="259" w:lineRule="auto"/>
    </w:pPr>
    <w:rPr>
      <w:lang w:val="da-DK" w:eastAsia="da-DK"/>
    </w:rPr>
  </w:style>
  <w:style w:type="paragraph" w:customStyle="1" w:styleId="FE7272A4D3734D5FB67F6A7C8992B8F4">
    <w:name w:val="FE7272A4D3734D5FB67F6A7C8992B8F4"/>
    <w:rsid w:val="00BE100A"/>
    <w:pPr>
      <w:spacing w:after="160" w:line="259" w:lineRule="auto"/>
    </w:pPr>
    <w:rPr>
      <w:lang w:val="da-DK" w:eastAsia="da-DK"/>
    </w:rPr>
  </w:style>
  <w:style w:type="paragraph" w:customStyle="1" w:styleId="163B79F4028B40A3BF84E1E8855618E6">
    <w:name w:val="163B79F4028B40A3BF84E1E8855618E6"/>
    <w:rsid w:val="00BE100A"/>
    <w:pPr>
      <w:spacing w:after="160" w:line="259" w:lineRule="auto"/>
    </w:pPr>
    <w:rPr>
      <w:lang w:val="da-DK" w:eastAsia="da-DK"/>
    </w:rPr>
  </w:style>
  <w:style w:type="paragraph" w:customStyle="1" w:styleId="C59D697F264140AEB2322E9CAA27F698">
    <w:name w:val="C59D697F264140AEB2322E9CAA27F698"/>
    <w:rsid w:val="00BE100A"/>
    <w:pPr>
      <w:spacing w:after="160" w:line="259" w:lineRule="auto"/>
    </w:pPr>
    <w:rPr>
      <w:lang w:val="da-DK" w:eastAsia="da-DK"/>
    </w:rPr>
  </w:style>
  <w:style w:type="paragraph" w:customStyle="1" w:styleId="22965C011E524E29B6F1663F572FEEAB">
    <w:name w:val="22965C011E524E29B6F1663F572FEEAB"/>
    <w:rsid w:val="00BE100A"/>
    <w:pPr>
      <w:spacing w:after="160" w:line="259" w:lineRule="auto"/>
    </w:pPr>
    <w:rPr>
      <w:lang w:val="da-DK" w:eastAsia="da-DK"/>
    </w:rPr>
  </w:style>
  <w:style w:type="paragraph" w:customStyle="1" w:styleId="9AA1F6746FEC4886AFC10210EAC0AFD3">
    <w:name w:val="9AA1F6746FEC4886AFC10210EAC0AFD3"/>
    <w:rsid w:val="00BE100A"/>
    <w:pPr>
      <w:spacing w:after="160" w:line="259" w:lineRule="auto"/>
    </w:pPr>
    <w:rPr>
      <w:lang w:val="da-DK" w:eastAsia="da-DK"/>
    </w:rPr>
  </w:style>
  <w:style w:type="paragraph" w:customStyle="1" w:styleId="2F1D784AE69540FBB702C057D6187C57">
    <w:name w:val="2F1D784AE69540FBB702C057D6187C57"/>
    <w:rsid w:val="00BE100A"/>
    <w:pPr>
      <w:spacing w:after="160" w:line="259" w:lineRule="auto"/>
    </w:pPr>
    <w:rPr>
      <w:lang w:val="da-DK" w:eastAsia="da-DK"/>
    </w:rPr>
  </w:style>
  <w:style w:type="paragraph" w:customStyle="1" w:styleId="D8804134598B40618745E4686A9EE676">
    <w:name w:val="D8804134598B40618745E4686A9EE676"/>
    <w:rsid w:val="00BE100A"/>
    <w:pPr>
      <w:spacing w:after="160" w:line="259" w:lineRule="auto"/>
    </w:pPr>
    <w:rPr>
      <w:lang w:val="da-DK" w:eastAsia="da-DK"/>
    </w:rPr>
  </w:style>
  <w:style w:type="paragraph" w:customStyle="1" w:styleId="06BADA66C22B4593A960503FABF90D3C">
    <w:name w:val="06BADA66C22B4593A960503FABF90D3C"/>
    <w:rsid w:val="00BE100A"/>
    <w:pPr>
      <w:spacing w:after="160" w:line="259" w:lineRule="auto"/>
    </w:pPr>
    <w:rPr>
      <w:lang w:val="da-DK" w:eastAsia="da-DK"/>
    </w:rPr>
  </w:style>
  <w:style w:type="paragraph" w:customStyle="1" w:styleId="D67E12F41B104FC8A886CC5AC3E1911B">
    <w:name w:val="D67E12F41B104FC8A886CC5AC3E1911B"/>
    <w:rsid w:val="00BE100A"/>
    <w:pPr>
      <w:spacing w:after="160" w:line="259" w:lineRule="auto"/>
    </w:pPr>
    <w:rPr>
      <w:lang w:val="da-DK" w:eastAsia="da-DK"/>
    </w:rPr>
  </w:style>
  <w:style w:type="paragraph" w:customStyle="1" w:styleId="7EE6042E5D684E47BF0EDFA1D645636E">
    <w:name w:val="7EE6042E5D684E47BF0EDFA1D645636E"/>
    <w:rsid w:val="00BE100A"/>
    <w:pPr>
      <w:spacing w:after="160" w:line="259" w:lineRule="auto"/>
    </w:pPr>
    <w:rPr>
      <w:lang w:val="da-DK" w:eastAsia="da-DK"/>
    </w:rPr>
  </w:style>
  <w:style w:type="paragraph" w:customStyle="1" w:styleId="80E9C904203C419080DD5E6A82177B24">
    <w:name w:val="80E9C904203C419080DD5E6A82177B24"/>
    <w:rsid w:val="00BE100A"/>
    <w:pPr>
      <w:spacing w:after="160" w:line="259" w:lineRule="auto"/>
    </w:pPr>
    <w:rPr>
      <w:lang w:val="da-DK" w:eastAsia="da-DK"/>
    </w:rPr>
  </w:style>
  <w:style w:type="paragraph" w:customStyle="1" w:styleId="3FBB42FA5E3F499BAFFDF94CE2AB2E72">
    <w:name w:val="3FBB42FA5E3F499BAFFDF94CE2AB2E72"/>
    <w:rsid w:val="00BE100A"/>
    <w:pPr>
      <w:spacing w:after="160" w:line="259" w:lineRule="auto"/>
    </w:pPr>
    <w:rPr>
      <w:lang w:val="da-DK" w:eastAsia="da-DK"/>
    </w:rPr>
  </w:style>
  <w:style w:type="paragraph" w:customStyle="1" w:styleId="04C4E1A018A3463081CFF46D916D86AD">
    <w:name w:val="04C4E1A018A3463081CFF46D916D86AD"/>
    <w:rsid w:val="00BE100A"/>
    <w:pPr>
      <w:spacing w:after="160" w:line="259" w:lineRule="auto"/>
    </w:pPr>
    <w:rPr>
      <w:lang w:val="da-DK" w:eastAsia="da-DK"/>
    </w:rPr>
  </w:style>
  <w:style w:type="paragraph" w:customStyle="1" w:styleId="174D207E47DF4565B2C8564F3513BFC6">
    <w:name w:val="174D207E47DF4565B2C8564F3513BFC6"/>
    <w:rsid w:val="00BE100A"/>
    <w:pPr>
      <w:spacing w:after="160" w:line="259" w:lineRule="auto"/>
    </w:pPr>
    <w:rPr>
      <w:lang w:val="da-DK" w:eastAsia="da-DK"/>
    </w:rPr>
  </w:style>
  <w:style w:type="paragraph" w:customStyle="1" w:styleId="243DF99B5A1A4B8CA81C3105B5664DDB">
    <w:name w:val="243DF99B5A1A4B8CA81C3105B5664DDB"/>
    <w:rsid w:val="00BE100A"/>
    <w:pPr>
      <w:spacing w:after="160" w:line="259" w:lineRule="auto"/>
    </w:pPr>
    <w:rPr>
      <w:lang w:val="da-DK" w:eastAsia="da-DK"/>
    </w:rPr>
  </w:style>
  <w:style w:type="paragraph" w:customStyle="1" w:styleId="71E3E9C863AF4843A276CC5848B52D04">
    <w:name w:val="71E3E9C863AF4843A276CC5848B52D04"/>
    <w:rsid w:val="00BE100A"/>
    <w:pPr>
      <w:spacing w:after="160" w:line="259" w:lineRule="auto"/>
    </w:pPr>
    <w:rPr>
      <w:lang w:val="da-DK" w:eastAsia="da-DK"/>
    </w:rPr>
  </w:style>
  <w:style w:type="paragraph" w:customStyle="1" w:styleId="1408EDA242F04ACF9A977995E267DABF">
    <w:name w:val="1408EDA242F04ACF9A977995E267DABF"/>
    <w:rsid w:val="00BE100A"/>
    <w:pPr>
      <w:spacing w:after="160" w:line="259" w:lineRule="auto"/>
    </w:pPr>
    <w:rPr>
      <w:lang w:val="da-DK" w:eastAsia="da-DK"/>
    </w:rPr>
  </w:style>
  <w:style w:type="paragraph" w:customStyle="1" w:styleId="80D29C4BE6E64B878E3C2E5DA8321504">
    <w:name w:val="80D29C4BE6E64B878E3C2E5DA8321504"/>
    <w:rsid w:val="00BE100A"/>
    <w:pPr>
      <w:spacing w:after="160" w:line="259" w:lineRule="auto"/>
    </w:pPr>
    <w:rPr>
      <w:lang w:val="da-DK" w:eastAsia="da-DK"/>
    </w:rPr>
  </w:style>
  <w:style w:type="paragraph" w:customStyle="1" w:styleId="6BAD0C7AB52E4F9A8E7AB2CC5620EA4C">
    <w:name w:val="6BAD0C7AB52E4F9A8E7AB2CC5620EA4C"/>
    <w:rsid w:val="00BE100A"/>
    <w:pPr>
      <w:spacing w:after="160" w:line="259" w:lineRule="auto"/>
    </w:pPr>
    <w:rPr>
      <w:lang w:val="da-DK" w:eastAsia="da-DK"/>
    </w:rPr>
  </w:style>
  <w:style w:type="paragraph" w:customStyle="1" w:styleId="36F9467BC6994763B3C40CAD41F0E6EC">
    <w:name w:val="36F9467BC6994763B3C40CAD41F0E6EC"/>
    <w:rsid w:val="00BE100A"/>
    <w:pPr>
      <w:spacing w:after="160" w:line="259" w:lineRule="auto"/>
    </w:pPr>
    <w:rPr>
      <w:lang w:val="da-DK" w:eastAsia="da-DK"/>
    </w:rPr>
  </w:style>
  <w:style w:type="paragraph" w:customStyle="1" w:styleId="29D5A5C192B14806BD27CE76E541A479">
    <w:name w:val="29D5A5C192B14806BD27CE76E541A479"/>
    <w:rsid w:val="00BE100A"/>
    <w:pPr>
      <w:spacing w:after="160" w:line="259" w:lineRule="auto"/>
    </w:pPr>
    <w:rPr>
      <w:lang w:val="da-DK" w:eastAsia="da-DK"/>
    </w:rPr>
  </w:style>
  <w:style w:type="paragraph" w:customStyle="1" w:styleId="C31272582CC34FEFAECAB317AB6D49B1">
    <w:name w:val="C31272582CC34FEFAECAB317AB6D49B1"/>
    <w:rsid w:val="00BE100A"/>
    <w:pPr>
      <w:spacing w:after="160" w:line="259" w:lineRule="auto"/>
    </w:pPr>
    <w:rPr>
      <w:lang w:val="da-DK" w:eastAsia="da-DK"/>
    </w:rPr>
  </w:style>
  <w:style w:type="paragraph" w:customStyle="1" w:styleId="97CCAA8A1A6C4C9FAC85C06BC60D9A75">
    <w:name w:val="97CCAA8A1A6C4C9FAC85C06BC60D9A75"/>
    <w:rsid w:val="00BE100A"/>
    <w:pPr>
      <w:spacing w:after="160" w:line="259" w:lineRule="auto"/>
    </w:pPr>
    <w:rPr>
      <w:lang w:val="da-DK" w:eastAsia="da-DK"/>
    </w:rPr>
  </w:style>
  <w:style w:type="paragraph" w:customStyle="1" w:styleId="ED034062BCD04D7E82F62483F1B57A69">
    <w:name w:val="ED034062BCD04D7E82F62483F1B57A69"/>
    <w:rsid w:val="00BE100A"/>
    <w:pPr>
      <w:spacing w:after="160" w:line="259" w:lineRule="auto"/>
    </w:pPr>
    <w:rPr>
      <w:lang w:val="da-DK" w:eastAsia="da-DK"/>
    </w:rPr>
  </w:style>
  <w:style w:type="paragraph" w:customStyle="1" w:styleId="31D4D049A2F94FE5B96C1F047C0C841E">
    <w:name w:val="31D4D049A2F94FE5B96C1F047C0C841E"/>
    <w:rsid w:val="00BE100A"/>
    <w:pPr>
      <w:spacing w:after="160" w:line="259" w:lineRule="auto"/>
    </w:pPr>
    <w:rPr>
      <w:lang w:val="da-DK" w:eastAsia="da-DK"/>
    </w:rPr>
  </w:style>
  <w:style w:type="paragraph" w:customStyle="1" w:styleId="B0EE6CCCDE9E457386DB863DCC0FA8D7">
    <w:name w:val="B0EE6CCCDE9E457386DB863DCC0FA8D7"/>
    <w:rsid w:val="00BE100A"/>
    <w:pPr>
      <w:spacing w:after="160" w:line="259" w:lineRule="auto"/>
    </w:pPr>
    <w:rPr>
      <w:lang w:val="da-DK" w:eastAsia="da-DK"/>
    </w:rPr>
  </w:style>
  <w:style w:type="paragraph" w:customStyle="1" w:styleId="90C3FAD9746345EAB4F41FC4A23EA722">
    <w:name w:val="90C3FAD9746345EAB4F41FC4A23EA722"/>
    <w:rsid w:val="00BE100A"/>
    <w:pPr>
      <w:spacing w:after="160" w:line="259" w:lineRule="auto"/>
    </w:pPr>
    <w:rPr>
      <w:lang w:val="da-DK" w:eastAsia="da-DK"/>
    </w:rPr>
  </w:style>
  <w:style w:type="paragraph" w:customStyle="1" w:styleId="8DF77C5F50F74BF394DFDB0A29DC6139">
    <w:name w:val="8DF77C5F50F74BF394DFDB0A29DC6139"/>
    <w:rsid w:val="00BE100A"/>
    <w:pPr>
      <w:spacing w:after="160" w:line="259" w:lineRule="auto"/>
    </w:pPr>
    <w:rPr>
      <w:lang w:val="da-DK" w:eastAsia="da-DK"/>
    </w:rPr>
  </w:style>
  <w:style w:type="paragraph" w:customStyle="1" w:styleId="5DBE6A6F0BC84A55945DC12877CC7857">
    <w:name w:val="5DBE6A6F0BC84A55945DC12877CC7857"/>
    <w:rsid w:val="00BE100A"/>
    <w:pPr>
      <w:spacing w:after="160" w:line="259" w:lineRule="auto"/>
    </w:pPr>
    <w:rPr>
      <w:lang w:val="da-DK" w:eastAsia="da-DK"/>
    </w:rPr>
  </w:style>
  <w:style w:type="paragraph" w:customStyle="1" w:styleId="A1F19F957B184AC5A7B8A990E7D7C8E2">
    <w:name w:val="A1F19F957B184AC5A7B8A990E7D7C8E2"/>
    <w:rsid w:val="00BE100A"/>
    <w:pPr>
      <w:spacing w:after="160" w:line="259" w:lineRule="auto"/>
    </w:pPr>
    <w:rPr>
      <w:lang w:val="da-DK" w:eastAsia="da-DK"/>
    </w:rPr>
  </w:style>
  <w:style w:type="paragraph" w:customStyle="1" w:styleId="C956CEF301714E7690DE09202C230978">
    <w:name w:val="C956CEF301714E7690DE09202C230978"/>
    <w:rsid w:val="00BE100A"/>
    <w:pPr>
      <w:spacing w:after="160" w:line="259" w:lineRule="auto"/>
    </w:pPr>
    <w:rPr>
      <w:lang w:val="da-DK" w:eastAsia="da-DK"/>
    </w:rPr>
  </w:style>
  <w:style w:type="paragraph" w:customStyle="1" w:styleId="B7CD4C2609D8423CB3F63DFC86EAC095">
    <w:name w:val="B7CD4C2609D8423CB3F63DFC86EAC095"/>
    <w:rsid w:val="00BE100A"/>
    <w:pPr>
      <w:spacing w:after="160" w:line="259" w:lineRule="auto"/>
    </w:pPr>
    <w:rPr>
      <w:lang w:val="da-DK" w:eastAsia="da-DK"/>
    </w:rPr>
  </w:style>
  <w:style w:type="paragraph" w:customStyle="1" w:styleId="FD8246AFB1FB468BB3943CFB6CB0EB78">
    <w:name w:val="FD8246AFB1FB468BB3943CFB6CB0EB78"/>
    <w:rsid w:val="00BE100A"/>
    <w:pPr>
      <w:spacing w:after="160" w:line="259" w:lineRule="auto"/>
    </w:pPr>
    <w:rPr>
      <w:lang w:val="da-DK" w:eastAsia="da-DK"/>
    </w:rPr>
  </w:style>
  <w:style w:type="paragraph" w:customStyle="1" w:styleId="E944516E3AF84F919EEA36E4FAE0FBB4">
    <w:name w:val="E944516E3AF84F919EEA36E4FAE0FBB4"/>
    <w:rsid w:val="00BE100A"/>
    <w:pPr>
      <w:spacing w:after="160" w:line="259" w:lineRule="auto"/>
    </w:pPr>
    <w:rPr>
      <w:lang w:val="da-DK" w:eastAsia="da-DK"/>
    </w:rPr>
  </w:style>
  <w:style w:type="paragraph" w:customStyle="1" w:styleId="B0341A03964D446AB606EF1D777AA269">
    <w:name w:val="B0341A03964D446AB606EF1D777AA269"/>
    <w:rsid w:val="00BE100A"/>
    <w:pPr>
      <w:spacing w:after="160" w:line="259" w:lineRule="auto"/>
    </w:pPr>
    <w:rPr>
      <w:lang w:val="da-DK" w:eastAsia="da-DK"/>
    </w:rPr>
  </w:style>
  <w:style w:type="paragraph" w:customStyle="1" w:styleId="FD8246AFB1FB468BB3943CFB6CB0EB781">
    <w:name w:val="FD8246AFB1FB468BB3943CFB6CB0EB781"/>
    <w:rsid w:val="00841C7D"/>
    <w:pPr>
      <w:spacing w:after="0" w:line="260" w:lineRule="atLeast"/>
    </w:pPr>
    <w:rPr>
      <w:rFonts w:ascii="Times New Roman" w:eastAsiaTheme="minorHAnsi" w:hAnsi="Times New Roman" w:cs="Times New Roman"/>
      <w:lang w:eastAsia="en-US"/>
    </w:rPr>
  </w:style>
  <w:style w:type="paragraph" w:customStyle="1" w:styleId="E944516E3AF84F919EEA36E4FAE0FBB41">
    <w:name w:val="E944516E3AF84F919EEA36E4FAE0FBB41"/>
    <w:rsid w:val="00841C7D"/>
    <w:pPr>
      <w:spacing w:after="0" w:line="260" w:lineRule="atLeast"/>
    </w:pPr>
    <w:rPr>
      <w:rFonts w:ascii="Times New Roman" w:eastAsiaTheme="minorHAnsi" w:hAnsi="Times New Roman" w:cs="Times New Roman"/>
      <w:lang w:eastAsia="en-US"/>
    </w:rPr>
  </w:style>
  <w:style w:type="paragraph" w:customStyle="1" w:styleId="1B68D6368323483280FD11CF8F0D11D131">
    <w:name w:val="1B68D6368323483280FD11CF8F0D11D131"/>
    <w:rsid w:val="00841C7D"/>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1">
    <w:name w:val="C551D5B8DA694511AA3C625EC9AC5CA131"/>
    <w:rsid w:val="00841C7D"/>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1">
    <w:name w:val="33D1A2F291454B43A77CC29DC2CB775331"/>
    <w:rsid w:val="00841C7D"/>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1">
    <w:name w:val="E2C52655502D4B9C886ED7BF19513FD231"/>
    <w:rsid w:val="00841C7D"/>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1">
    <w:name w:val="ED0C702C7C8144B6B245F114E1848AFB31"/>
    <w:rsid w:val="00841C7D"/>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6">
    <w:name w:val="035A912BA35E486D8327EC06CBF5835346"/>
    <w:rsid w:val="00841C7D"/>
    <w:pPr>
      <w:tabs>
        <w:tab w:val="left" w:pos="1418"/>
      </w:tabs>
      <w:spacing w:after="0" w:line="160" w:lineRule="atLeast"/>
      <w:jc w:val="both"/>
    </w:pPr>
    <w:rPr>
      <w:rFonts w:ascii="Arial" w:eastAsiaTheme="minorHAnsi" w:hAnsi="Arial" w:cs="Arial"/>
      <w:sz w:val="12"/>
      <w:lang w:eastAsia="en-US"/>
    </w:rPr>
  </w:style>
  <w:style w:type="paragraph" w:customStyle="1" w:styleId="1D90EBF7B7254E76B5756D753C43193E">
    <w:name w:val="1D90EBF7B7254E76B5756D753C43193E"/>
    <w:rsid w:val="0040467D"/>
    <w:pPr>
      <w:spacing w:after="160" w:line="259" w:lineRule="auto"/>
    </w:pPr>
    <w:rPr>
      <w:lang w:val="da-DK" w:eastAsia="da-DK"/>
    </w:rPr>
  </w:style>
  <w:style w:type="paragraph" w:customStyle="1" w:styleId="3F728B5EBA124036930FC398371104D8">
    <w:name w:val="3F728B5EBA124036930FC398371104D8"/>
    <w:rsid w:val="0040467D"/>
    <w:pPr>
      <w:spacing w:after="160" w:line="259" w:lineRule="auto"/>
    </w:pPr>
    <w:rPr>
      <w:lang w:val="da-DK" w:eastAsia="da-DK"/>
    </w:rPr>
  </w:style>
  <w:style w:type="paragraph" w:customStyle="1" w:styleId="57C1A3AAC9384346A000B103D294F8EE">
    <w:name w:val="57C1A3AAC9384346A000B103D294F8EE"/>
    <w:rsid w:val="0040467D"/>
    <w:pPr>
      <w:spacing w:after="160" w:line="259" w:lineRule="auto"/>
    </w:pPr>
    <w:rPr>
      <w:lang w:val="da-DK" w:eastAsia="da-DK"/>
    </w:rPr>
  </w:style>
  <w:style w:type="paragraph" w:customStyle="1" w:styleId="4966287E576B496AA962EE9739BE0359">
    <w:name w:val="4966287E576B496AA962EE9739BE0359"/>
    <w:rsid w:val="0040467D"/>
    <w:pPr>
      <w:spacing w:after="160" w:line="259" w:lineRule="auto"/>
    </w:pPr>
    <w:rPr>
      <w:lang w:val="da-DK" w:eastAsia="da-DK"/>
    </w:rPr>
  </w:style>
  <w:style w:type="paragraph" w:customStyle="1" w:styleId="2553DB3C4ACB44AAAF4A13094B48C1E6">
    <w:name w:val="2553DB3C4ACB44AAAF4A13094B48C1E6"/>
    <w:rsid w:val="0040467D"/>
    <w:pPr>
      <w:spacing w:after="160" w:line="259" w:lineRule="auto"/>
    </w:pPr>
    <w:rPr>
      <w:lang w:val="da-DK" w:eastAsia="da-DK"/>
    </w:rPr>
  </w:style>
  <w:style w:type="paragraph" w:customStyle="1" w:styleId="D44CCF76116C495AAB7479BB31E9DC72">
    <w:name w:val="D44CCF76116C495AAB7479BB31E9DC72"/>
    <w:rsid w:val="0040467D"/>
    <w:pPr>
      <w:spacing w:after="160" w:line="259" w:lineRule="auto"/>
    </w:pPr>
    <w:rPr>
      <w:lang w:val="da-DK" w:eastAsia="da-DK"/>
    </w:rPr>
  </w:style>
  <w:style w:type="paragraph" w:customStyle="1" w:styleId="46FC1AF5673D4BAF880F6163C0D48A8C">
    <w:name w:val="46FC1AF5673D4BAF880F6163C0D48A8C"/>
    <w:rsid w:val="0040467D"/>
    <w:pPr>
      <w:spacing w:after="160" w:line="259" w:lineRule="auto"/>
    </w:pPr>
    <w:rPr>
      <w:lang w:val="da-DK" w:eastAsia="da-DK"/>
    </w:rPr>
  </w:style>
  <w:style w:type="paragraph" w:customStyle="1" w:styleId="B5274A761CFF4B48994BFF0ABCDFCBA7">
    <w:name w:val="B5274A761CFF4B48994BFF0ABCDFCBA7"/>
    <w:rsid w:val="0040467D"/>
    <w:pPr>
      <w:spacing w:after="160" w:line="259" w:lineRule="auto"/>
    </w:pPr>
    <w:rPr>
      <w:lang w:val="da-DK" w:eastAsia="da-DK"/>
    </w:rPr>
  </w:style>
  <w:style w:type="paragraph" w:customStyle="1" w:styleId="11808FA8204C4DFD9DB33BE259021570">
    <w:name w:val="11808FA8204C4DFD9DB33BE259021570"/>
    <w:rsid w:val="0040467D"/>
    <w:pPr>
      <w:spacing w:after="160" w:line="259" w:lineRule="auto"/>
    </w:pPr>
    <w:rPr>
      <w:lang w:val="da-DK" w:eastAsia="da-DK"/>
    </w:rPr>
  </w:style>
  <w:style w:type="paragraph" w:customStyle="1" w:styleId="1A056177570F40FB94F21489156B20AF">
    <w:name w:val="1A056177570F40FB94F21489156B20AF"/>
    <w:rsid w:val="0040467D"/>
    <w:pPr>
      <w:spacing w:after="160" w:line="259" w:lineRule="auto"/>
    </w:pPr>
    <w:rPr>
      <w:lang w:val="da-DK" w:eastAsia="da-DK"/>
    </w:rPr>
  </w:style>
  <w:style w:type="paragraph" w:customStyle="1" w:styleId="CF0311E36C9B401E88657731A732D939">
    <w:name w:val="CF0311E36C9B401E88657731A732D939"/>
    <w:rsid w:val="0040467D"/>
    <w:pPr>
      <w:spacing w:after="160" w:line="259" w:lineRule="auto"/>
    </w:pPr>
    <w:rPr>
      <w:lang w:val="da-DK" w:eastAsia="da-DK"/>
    </w:rPr>
  </w:style>
  <w:style w:type="paragraph" w:customStyle="1" w:styleId="87A739EF7EDF4133AF37FF173FC90BB5">
    <w:name w:val="87A739EF7EDF4133AF37FF173FC90BB5"/>
    <w:rsid w:val="0040467D"/>
    <w:pPr>
      <w:spacing w:after="160" w:line="259" w:lineRule="auto"/>
    </w:pPr>
    <w:rPr>
      <w:lang w:val="da-DK" w:eastAsia="da-DK"/>
    </w:rPr>
  </w:style>
  <w:style w:type="paragraph" w:customStyle="1" w:styleId="EE733EB4D94A4DAEBA4CC4CADC937413">
    <w:name w:val="EE733EB4D94A4DAEBA4CC4CADC937413"/>
    <w:rsid w:val="0040467D"/>
    <w:pPr>
      <w:spacing w:after="160" w:line="259" w:lineRule="auto"/>
    </w:pPr>
    <w:rPr>
      <w:lang w:val="da-DK" w:eastAsia="da-DK"/>
    </w:rPr>
  </w:style>
  <w:style w:type="paragraph" w:customStyle="1" w:styleId="BBDB9BDF315446BB98617A9FA56CC0D1">
    <w:name w:val="BBDB9BDF315446BB98617A9FA56CC0D1"/>
    <w:rsid w:val="0040467D"/>
    <w:pPr>
      <w:spacing w:after="160" w:line="259" w:lineRule="auto"/>
    </w:pPr>
    <w:rPr>
      <w:lang w:val="da-DK" w:eastAsia="da-DK"/>
    </w:rPr>
  </w:style>
  <w:style w:type="paragraph" w:customStyle="1" w:styleId="3F76B25612294CC98D4CFD5058823127">
    <w:name w:val="3F76B25612294CC98D4CFD5058823127"/>
    <w:rsid w:val="0040467D"/>
    <w:pPr>
      <w:spacing w:after="160" w:line="259" w:lineRule="auto"/>
    </w:pPr>
    <w:rPr>
      <w:lang w:val="da-DK" w:eastAsia="da-DK"/>
    </w:rPr>
  </w:style>
  <w:style w:type="paragraph" w:customStyle="1" w:styleId="435B1E47C999426FBD130E8AF9B6886B">
    <w:name w:val="435B1E47C999426FBD130E8AF9B6886B"/>
    <w:rsid w:val="0040467D"/>
    <w:pPr>
      <w:spacing w:after="160" w:line="259" w:lineRule="auto"/>
    </w:pPr>
    <w:rPr>
      <w:lang w:val="da-DK" w:eastAsia="da-DK"/>
    </w:rPr>
  </w:style>
  <w:style w:type="paragraph" w:customStyle="1" w:styleId="05B06DAA84584F14A2B06289A5626938">
    <w:name w:val="05B06DAA84584F14A2B06289A5626938"/>
    <w:rsid w:val="0040467D"/>
    <w:pPr>
      <w:spacing w:after="160" w:line="259" w:lineRule="auto"/>
    </w:pPr>
    <w:rPr>
      <w:lang w:val="da-DK" w:eastAsia="da-DK"/>
    </w:rPr>
  </w:style>
  <w:style w:type="paragraph" w:customStyle="1" w:styleId="1BD40A9888BC4D3BACE1B7F293E67943">
    <w:name w:val="1BD40A9888BC4D3BACE1B7F293E67943"/>
    <w:rsid w:val="0040467D"/>
    <w:pPr>
      <w:spacing w:after="160" w:line="259" w:lineRule="auto"/>
    </w:pPr>
    <w:rPr>
      <w:lang w:val="da-DK" w:eastAsia="da-DK"/>
    </w:rPr>
  </w:style>
  <w:style w:type="paragraph" w:customStyle="1" w:styleId="2121CBE1CEBD44CC8E95F6F684D18CE2">
    <w:name w:val="2121CBE1CEBD44CC8E95F6F684D18CE2"/>
    <w:rsid w:val="0040467D"/>
    <w:pPr>
      <w:spacing w:after="160" w:line="259" w:lineRule="auto"/>
    </w:pPr>
    <w:rPr>
      <w:lang w:val="da-DK" w:eastAsia="da-DK"/>
    </w:rPr>
  </w:style>
  <w:style w:type="paragraph" w:customStyle="1" w:styleId="0023410EBB6A43C8BC5C39F53FA8F3F1">
    <w:name w:val="0023410EBB6A43C8BC5C39F53FA8F3F1"/>
    <w:rsid w:val="0040467D"/>
    <w:pPr>
      <w:spacing w:after="160" w:line="259" w:lineRule="auto"/>
    </w:pPr>
    <w:rPr>
      <w:lang w:val="da-DK" w:eastAsia="da-DK"/>
    </w:rPr>
  </w:style>
  <w:style w:type="paragraph" w:customStyle="1" w:styleId="FC0D9CF0CADF4BBA9CCF74F6FF207003">
    <w:name w:val="FC0D9CF0CADF4BBA9CCF74F6FF207003"/>
    <w:rsid w:val="0040467D"/>
    <w:pPr>
      <w:spacing w:after="160" w:line="259" w:lineRule="auto"/>
    </w:pPr>
    <w:rPr>
      <w:lang w:val="da-DK" w:eastAsia="da-DK"/>
    </w:rPr>
  </w:style>
  <w:style w:type="paragraph" w:customStyle="1" w:styleId="E68B884D7A0F42E3BB3028B00D359926">
    <w:name w:val="E68B884D7A0F42E3BB3028B00D359926"/>
    <w:rsid w:val="0040467D"/>
    <w:pPr>
      <w:spacing w:after="160" w:line="259" w:lineRule="auto"/>
    </w:pPr>
    <w:rPr>
      <w:lang w:val="da-DK" w:eastAsia="da-DK"/>
    </w:rPr>
  </w:style>
  <w:style w:type="paragraph" w:customStyle="1" w:styleId="16A09182F7634AC5A4C9C254959559CF">
    <w:name w:val="16A09182F7634AC5A4C9C254959559CF"/>
    <w:rsid w:val="0040467D"/>
    <w:pPr>
      <w:spacing w:after="160" w:line="259" w:lineRule="auto"/>
    </w:pPr>
    <w:rPr>
      <w:lang w:val="da-DK" w:eastAsia="da-DK"/>
    </w:rPr>
  </w:style>
  <w:style w:type="paragraph" w:customStyle="1" w:styleId="9400E65F1B504F95B53E8A4833198B7B">
    <w:name w:val="9400E65F1B504F95B53E8A4833198B7B"/>
    <w:rsid w:val="0040467D"/>
    <w:pPr>
      <w:spacing w:after="160" w:line="259" w:lineRule="auto"/>
    </w:pPr>
    <w:rPr>
      <w:lang w:val="da-DK" w:eastAsia="da-DK"/>
    </w:rPr>
  </w:style>
  <w:style w:type="paragraph" w:customStyle="1" w:styleId="07028B64E6F145E082873F4455620E39">
    <w:name w:val="07028B64E6F145E082873F4455620E39"/>
    <w:rsid w:val="0040467D"/>
    <w:pPr>
      <w:spacing w:after="160" w:line="259" w:lineRule="auto"/>
    </w:pPr>
    <w:rPr>
      <w:lang w:val="da-DK" w:eastAsia="da-DK"/>
    </w:rPr>
  </w:style>
  <w:style w:type="paragraph" w:customStyle="1" w:styleId="93CCF9C236AB4BA896CB45392E0D33A6">
    <w:name w:val="93CCF9C236AB4BA896CB45392E0D33A6"/>
    <w:rsid w:val="0040467D"/>
    <w:pPr>
      <w:spacing w:after="160" w:line="259" w:lineRule="auto"/>
    </w:pPr>
    <w:rPr>
      <w:lang w:val="da-DK" w:eastAsia="da-DK"/>
    </w:rPr>
  </w:style>
  <w:style w:type="paragraph" w:customStyle="1" w:styleId="B67F88B20CF64E4F85DB4B2B5B5B3585">
    <w:name w:val="B67F88B20CF64E4F85DB4B2B5B5B3585"/>
    <w:rsid w:val="0040467D"/>
    <w:pPr>
      <w:spacing w:after="160" w:line="259" w:lineRule="auto"/>
    </w:pPr>
    <w:rPr>
      <w:lang w:val="da-DK" w:eastAsia="da-DK"/>
    </w:rPr>
  </w:style>
  <w:style w:type="paragraph" w:customStyle="1" w:styleId="CF5F8DF09AF24C16B0AF4B837A68A794">
    <w:name w:val="CF5F8DF09AF24C16B0AF4B837A68A794"/>
    <w:rsid w:val="0040467D"/>
    <w:pPr>
      <w:spacing w:after="160" w:line="259" w:lineRule="auto"/>
    </w:pPr>
    <w:rPr>
      <w:lang w:val="da-DK" w:eastAsia="da-DK"/>
    </w:rPr>
  </w:style>
  <w:style w:type="paragraph" w:customStyle="1" w:styleId="82449AE05B00499EA41D8B12564D7526">
    <w:name w:val="82449AE05B00499EA41D8B12564D7526"/>
    <w:rsid w:val="0040467D"/>
    <w:pPr>
      <w:spacing w:after="160" w:line="259" w:lineRule="auto"/>
    </w:pPr>
    <w:rPr>
      <w:lang w:val="da-DK" w:eastAsia="da-DK"/>
    </w:rPr>
  </w:style>
  <w:style w:type="paragraph" w:customStyle="1" w:styleId="8D172AEE10DF4FA3A5B4464190B23058">
    <w:name w:val="8D172AEE10DF4FA3A5B4464190B23058"/>
    <w:rsid w:val="0040467D"/>
    <w:pPr>
      <w:spacing w:after="160" w:line="259" w:lineRule="auto"/>
    </w:pPr>
    <w:rPr>
      <w:lang w:val="da-DK" w:eastAsia="da-DK"/>
    </w:rPr>
  </w:style>
  <w:style w:type="paragraph" w:customStyle="1" w:styleId="943437499B58419F827073A335D81FB0">
    <w:name w:val="943437499B58419F827073A335D81FB0"/>
    <w:rsid w:val="0040467D"/>
    <w:pPr>
      <w:spacing w:after="160" w:line="259" w:lineRule="auto"/>
    </w:pPr>
    <w:rPr>
      <w:lang w:val="da-DK" w:eastAsia="da-DK"/>
    </w:rPr>
  </w:style>
  <w:style w:type="paragraph" w:customStyle="1" w:styleId="BD5F330574AE48B893CDE6BA973B3F03">
    <w:name w:val="BD5F330574AE48B893CDE6BA973B3F03"/>
    <w:rsid w:val="0040467D"/>
    <w:pPr>
      <w:spacing w:after="160" w:line="259" w:lineRule="auto"/>
    </w:pPr>
    <w:rPr>
      <w:lang w:val="da-DK" w:eastAsia="da-DK"/>
    </w:rPr>
  </w:style>
  <w:style w:type="paragraph" w:customStyle="1" w:styleId="CAB4939343A945A18D5F08DF52BD80A7">
    <w:name w:val="CAB4939343A945A18D5F08DF52BD80A7"/>
    <w:rsid w:val="0040467D"/>
    <w:pPr>
      <w:spacing w:after="160" w:line="259" w:lineRule="auto"/>
    </w:pPr>
    <w:rPr>
      <w:lang w:val="da-DK" w:eastAsia="da-DK"/>
    </w:rPr>
  </w:style>
  <w:style w:type="paragraph" w:customStyle="1" w:styleId="EA35F6ADDCEE4FAF9AC55F4D61281E03">
    <w:name w:val="EA35F6ADDCEE4FAF9AC55F4D61281E03"/>
    <w:rsid w:val="0040467D"/>
    <w:pPr>
      <w:spacing w:after="160" w:line="259" w:lineRule="auto"/>
    </w:pPr>
    <w:rPr>
      <w:lang w:val="da-DK" w:eastAsia="da-DK"/>
    </w:rPr>
  </w:style>
  <w:style w:type="paragraph" w:customStyle="1" w:styleId="10D3833BFF6D4D19AA8A3810310F37DE">
    <w:name w:val="10D3833BFF6D4D19AA8A3810310F37DE"/>
    <w:rsid w:val="0040467D"/>
    <w:pPr>
      <w:spacing w:after="160" w:line="259" w:lineRule="auto"/>
    </w:pPr>
    <w:rPr>
      <w:lang w:val="da-DK" w:eastAsia="da-DK"/>
    </w:rPr>
  </w:style>
  <w:style w:type="paragraph" w:customStyle="1" w:styleId="2EEAA2ABDEE74FE1AE9EF14BD5333877">
    <w:name w:val="2EEAA2ABDEE74FE1AE9EF14BD5333877"/>
    <w:rsid w:val="0040467D"/>
    <w:pPr>
      <w:spacing w:after="160" w:line="259" w:lineRule="auto"/>
    </w:pPr>
    <w:rPr>
      <w:lang w:val="da-DK" w:eastAsia="da-DK"/>
    </w:rPr>
  </w:style>
  <w:style w:type="paragraph" w:customStyle="1" w:styleId="13867B7ECF85451DBF674FA1316AD23D">
    <w:name w:val="13867B7ECF85451DBF674FA1316AD23D"/>
    <w:rsid w:val="0040467D"/>
    <w:pPr>
      <w:spacing w:after="160" w:line="259" w:lineRule="auto"/>
    </w:pPr>
    <w:rPr>
      <w:lang w:val="da-DK" w:eastAsia="da-DK"/>
    </w:rPr>
  </w:style>
  <w:style w:type="paragraph" w:customStyle="1" w:styleId="592587ADBBA44F838DDC8D37E31DE5C5">
    <w:name w:val="592587ADBBA44F838DDC8D37E31DE5C5"/>
    <w:rsid w:val="0040467D"/>
    <w:pPr>
      <w:spacing w:after="160" w:line="259" w:lineRule="auto"/>
    </w:pPr>
    <w:rPr>
      <w:lang w:val="da-DK" w:eastAsia="da-DK"/>
    </w:rPr>
  </w:style>
  <w:style w:type="paragraph" w:customStyle="1" w:styleId="DAD973B07F744551ABC7953550136EBE">
    <w:name w:val="DAD973B07F744551ABC7953550136EBE"/>
    <w:rsid w:val="0040467D"/>
    <w:pPr>
      <w:spacing w:after="160" w:line="259" w:lineRule="auto"/>
    </w:pPr>
    <w:rPr>
      <w:lang w:val="da-DK" w:eastAsia="da-DK"/>
    </w:rPr>
  </w:style>
  <w:style w:type="paragraph" w:customStyle="1" w:styleId="712D09075FF646FFB7136AF9B2862D26">
    <w:name w:val="712D09075FF646FFB7136AF9B2862D26"/>
    <w:rsid w:val="0040467D"/>
    <w:pPr>
      <w:spacing w:after="160" w:line="259" w:lineRule="auto"/>
    </w:pPr>
    <w:rPr>
      <w:lang w:val="da-DK" w:eastAsia="da-DK"/>
    </w:rPr>
  </w:style>
  <w:style w:type="paragraph" w:customStyle="1" w:styleId="0B385871C4DF4E679BC991136184B3D8">
    <w:name w:val="0B385871C4DF4E679BC991136184B3D8"/>
    <w:rsid w:val="0040467D"/>
    <w:pPr>
      <w:spacing w:after="160" w:line="259" w:lineRule="auto"/>
    </w:pPr>
    <w:rPr>
      <w:lang w:val="da-DK" w:eastAsia="da-DK"/>
    </w:rPr>
  </w:style>
  <w:style w:type="paragraph" w:customStyle="1" w:styleId="CC8E1B2AAFF84C59B65E8145ADE10DED">
    <w:name w:val="CC8E1B2AAFF84C59B65E8145ADE10DED"/>
    <w:rsid w:val="0040467D"/>
    <w:pPr>
      <w:spacing w:after="160" w:line="259" w:lineRule="auto"/>
    </w:pPr>
    <w:rPr>
      <w:lang w:val="da-DK" w:eastAsia="da-DK"/>
    </w:rPr>
  </w:style>
  <w:style w:type="paragraph" w:customStyle="1" w:styleId="D17683CB7C704C8C8689E95654ADA07F">
    <w:name w:val="D17683CB7C704C8C8689E95654ADA07F"/>
    <w:rsid w:val="0040467D"/>
    <w:pPr>
      <w:spacing w:after="160" w:line="259" w:lineRule="auto"/>
    </w:pPr>
    <w:rPr>
      <w:lang w:val="da-DK" w:eastAsia="da-DK"/>
    </w:rPr>
  </w:style>
  <w:style w:type="paragraph" w:customStyle="1" w:styleId="289C0DC1306243E09B9C469997D97620">
    <w:name w:val="289C0DC1306243E09B9C469997D97620"/>
    <w:rsid w:val="0040467D"/>
    <w:pPr>
      <w:spacing w:after="160" w:line="259" w:lineRule="auto"/>
    </w:pPr>
    <w:rPr>
      <w:lang w:val="da-DK" w:eastAsia="da-DK"/>
    </w:rPr>
  </w:style>
  <w:style w:type="paragraph" w:customStyle="1" w:styleId="4ED09099CD9B4F1880E4581FB6EAED3E">
    <w:name w:val="4ED09099CD9B4F1880E4581FB6EAED3E"/>
    <w:rsid w:val="0040467D"/>
    <w:pPr>
      <w:spacing w:after="160" w:line="259" w:lineRule="auto"/>
    </w:pPr>
    <w:rPr>
      <w:lang w:val="da-DK" w:eastAsia="da-DK"/>
    </w:rPr>
  </w:style>
  <w:style w:type="paragraph" w:customStyle="1" w:styleId="0D8EBDED53DC4301B0471F7EEE21BBEC">
    <w:name w:val="0D8EBDED53DC4301B0471F7EEE21BBEC"/>
    <w:rsid w:val="0040467D"/>
    <w:pPr>
      <w:spacing w:after="160" w:line="259" w:lineRule="auto"/>
    </w:pPr>
    <w:rPr>
      <w:lang w:val="da-DK" w:eastAsia="da-DK"/>
    </w:rPr>
  </w:style>
  <w:style w:type="paragraph" w:customStyle="1" w:styleId="D7709A51AC9F4CD2BAAF2292E0F2DB5F">
    <w:name w:val="D7709A51AC9F4CD2BAAF2292E0F2DB5F"/>
    <w:rsid w:val="0040467D"/>
    <w:pPr>
      <w:spacing w:after="160" w:line="259" w:lineRule="auto"/>
    </w:pPr>
    <w:rPr>
      <w:lang w:val="da-DK" w:eastAsia="da-DK"/>
    </w:rPr>
  </w:style>
  <w:style w:type="paragraph" w:customStyle="1" w:styleId="F39503D62CC6445384BEFC229BE0C5E3">
    <w:name w:val="F39503D62CC6445384BEFC229BE0C5E3"/>
    <w:rsid w:val="0040467D"/>
    <w:pPr>
      <w:spacing w:after="160" w:line="259" w:lineRule="auto"/>
    </w:pPr>
    <w:rPr>
      <w:lang w:val="da-DK" w:eastAsia="da-DK"/>
    </w:rPr>
  </w:style>
  <w:style w:type="paragraph" w:customStyle="1" w:styleId="BBA616B6FEE34639B153A7D7450C9F03">
    <w:name w:val="BBA616B6FEE34639B153A7D7450C9F03"/>
    <w:rsid w:val="0040467D"/>
    <w:pPr>
      <w:spacing w:after="160" w:line="259" w:lineRule="auto"/>
    </w:pPr>
    <w:rPr>
      <w:lang w:val="da-DK" w:eastAsia="da-DK"/>
    </w:rPr>
  </w:style>
  <w:style w:type="paragraph" w:customStyle="1" w:styleId="E24EC7B326D6416E889470A67533B6E0">
    <w:name w:val="E24EC7B326D6416E889470A67533B6E0"/>
    <w:rsid w:val="0040467D"/>
    <w:pPr>
      <w:spacing w:after="160" w:line="259" w:lineRule="auto"/>
    </w:pPr>
    <w:rPr>
      <w:lang w:val="da-DK" w:eastAsia="da-DK"/>
    </w:rPr>
  </w:style>
  <w:style w:type="paragraph" w:customStyle="1" w:styleId="1F049D24D5B94A28B3A8261D16F22067">
    <w:name w:val="1F049D24D5B94A28B3A8261D16F22067"/>
    <w:rsid w:val="0040467D"/>
    <w:pPr>
      <w:spacing w:after="160" w:line="259" w:lineRule="auto"/>
    </w:pPr>
    <w:rPr>
      <w:lang w:val="da-DK" w:eastAsia="da-DK"/>
    </w:rPr>
  </w:style>
  <w:style w:type="paragraph" w:customStyle="1" w:styleId="BAD45D138ED24A979A317DCCB07DE23C">
    <w:name w:val="BAD45D138ED24A979A317DCCB07DE23C"/>
    <w:rsid w:val="0040467D"/>
    <w:pPr>
      <w:spacing w:after="160" w:line="259" w:lineRule="auto"/>
    </w:pPr>
    <w:rPr>
      <w:lang w:val="da-DK" w:eastAsia="da-DK"/>
    </w:rPr>
  </w:style>
  <w:style w:type="paragraph" w:customStyle="1" w:styleId="3EF6615419B841898D326BB679241902">
    <w:name w:val="3EF6615419B841898D326BB679241902"/>
    <w:rsid w:val="0040467D"/>
    <w:pPr>
      <w:spacing w:after="160" w:line="259" w:lineRule="auto"/>
    </w:pPr>
    <w:rPr>
      <w:lang w:val="da-DK" w:eastAsia="da-DK"/>
    </w:rPr>
  </w:style>
  <w:style w:type="paragraph" w:customStyle="1" w:styleId="7F4683F6A4964970A4F9B143F25BC29B">
    <w:name w:val="7F4683F6A4964970A4F9B143F25BC29B"/>
    <w:rsid w:val="0040467D"/>
    <w:pPr>
      <w:spacing w:after="160" w:line="259" w:lineRule="auto"/>
    </w:pPr>
    <w:rPr>
      <w:lang w:val="da-DK" w:eastAsia="da-DK"/>
    </w:rPr>
  </w:style>
  <w:style w:type="paragraph" w:customStyle="1" w:styleId="CC4D8E8DB0FC487AAD88E4988E5B1E51">
    <w:name w:val="CC4D8E8DB0FC487AAD88E4988E5B1E51"/>
    <w:rsid w:val="0040467D"/>
    <w:pPr>
      <w:spacing w:after="160" w:line="259" w:lineRule="auto"/>
    </w:pPr>
    <w:rPr>
      <w:lang w:val="da-DK" w:eastAsia="da-DK"/>
    </w:rPr>
  </w:style>
  <w:style w:type="paragraph" w:customStyle="1" w:styleId="CB740ACC606141DCA47F0ED8DB1EFF9E">
    <w:name w:val="CB740ACC606141DCA47F0ED8DB1EFF9E"/>
    <w:rsid w:val="0040467D"/>
    <w:pPr>
      <w:spacing w:after="160" w:line="259" w:lineRule="auto"/>
    </w:pPr>
    <w:rPr>
      <w:lang w:val="da-DK" w:eastAsia="da-DK"/>
    </w:rPr>
  </w:style>
  <w:style w:type="paragraph" w:customStyle="1" w:styleId="D9E6F5F2DFD84051B461C4478692B0FA">
    <w:name w:val="D9E6F5F2DFD84051B461C4478692B0FA"/>
    <w:rsid w:val="0040467D"/>
    <w:pPr>
      <w:spacing w:after="160" w:line="259" w:lineRule="auto"/>
    </w:pPr>
    <w:rPr>
      <w:lang w:val="da-DK" w:eastAsia="da-DK"/>
    </w:rPr>
  </w:style>
  <w:style w:type="paragraph" w:customStyle="1" w:styleId="FD8246AFB1FB468BB3943CFB6CB0EB782">
    <w:name w:val="FD8246AFB1FB468BB3943CFB6CB0EB782"/>
    <w:rsid w:val="0040467D"/>
    <w:pPr>
      <w:spacing w:after="0" w:line="260" w:lineRule="atLeast"/>
    </w:pPr>
    <w:rPr>
      <w:rFonts w:ascii="Times New Roman" w:eastAsiaTheme="minorHAnsi" w:hAnsi="Times New Roman" w:cs="Times New Roman"/>
      <w:lang w:eastAsia="en-US"/>
    </w:rPr>
  </w:style>
  <w:style w:type="paragraph" w:customStyle="1" w:styleId="E944516E3AF84F919EEA36E4FAE0FBB42">
    <w:name w:val="E944516E3AF84F919EEA36E4FAE0FBB42"/>
    <w:rsid w:val="0040467D"/>
    <w:pPr>
      <w:spacing w:after="0" w:line="260" w:lineRule="atLeast"/>
    </w:pPr>
    <w:rPr>
      <w:rFonts w:ascii="Times New Roman" w:eastAsiaTheme="minorHAnsi" w:hAnsi="Times New Roman" w:cs="Times New Roman"/>
      <w:lang w:eastAsia="en-US"/>
    </w:rPr>
  </w:style>
  <w:style w:type="paragraph" w:customStyle="1" w:styleId="1B68D6368323483280FD11CF8F0D11D132">
    <w:name w:val="1B68D6368323483280FD11CF8F0D11D132"/>
    <w:rsid w:val="0040467D"/>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2">
    <w:name w:val="C551D5B8DA694511AA3C625EC9AC5CA132"/>
    <w:rsid w:val="0040467D"/>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2">
    <w:name w:val="33D1A2F291454B43A77CC29DC2CB775332"/>
    <w:rsid w:val="0040467D"/>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2">
    <w:name w:val="E2C52655502D4B9C886ED7BF19513FD232"/>
    <w:rsid w:val="0040467D"/>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2">
    <w:name w:val="ED0C702C7C8144B6B245F114E1848AFB32"/>
    <w:rsid w:val="0040467D"/>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7">
    <w:name w:val="035A912BA35E486D8327EC06CBF5835347"/>
    <w:rsid w:val="0040467D"/>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3">
    <w:name w:val="FD8246AFB1FB468BB3943CFB6CB0EB783"/>
    <w:rsid w:val="00EE1334"/>
    <w:pPr>
      <w:spacing w:after="0" w:line="260" w:lineRule="atLeast"/>
    </w:pPr>
    <w:rPr>
      <w:rFonts w:ascii="Times New Roman" w:eastAsiaTheme="minorHAnsi" w:hAnsi="Times New Roman" w:cs="Times New Roman"/>
      <w:lang w:eastAsia="en-US"/>
    </w:rPr>
  </w:style>
  <w:style w:type="paragraph" w:customStyle="1" w:styleId="E944516E3AF84F919EEA36E4FAE0FBB43">
    <w:name w:val="E944516E3AF84F919EEA36E4FAE0FBB43"/>
    <w:rsid w:val="00EE1334"/>
    <w:pPr>
      <w:spacing w:after="0" w:line="260" w:lineRule="atLeast"/>
    </w:pPr>
    <w:rPr>
      <w:rFonts w:ascii="Times New Roman" w:eastAsiaTheme="minorHAnsi" w:hAnsi="Times New Roman" w:cs="Times New Roman"/>
      <w:lang w:eastAsia="en-US"/>
    </w:rPr>
  </w:style>
  <w:style w:type="paragraph" w:customStyle="1" w:styleId="1B68D6368323483280FD11CF8F0D11D133">
    <w:name w:val="1B68D6368323483280FD11CF8F0D11D133"/>
    <w:rsid w:val="00EE1334"/>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3">
    <w:name w:val="C551D5B8DA694511AA3C625EC9AC5CA133"/>
    <w:rsid w:val="00EE1334"/>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3">
    <w:name w:val="33D1A2F291454B43A77CC29DC2CB775333"/>
    <w:rsid w:val="00EE1334"/>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3">
    <w:name w:val="E2C52655502D4B9C886ED7BF19513FD233"/>
    <w:rsid w:val="00EE1334"/>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3">
    <w:name w:val="ED0C702C7C8144B6B245F114E1848AFB33"/>
    <w:rsid w:val="00EE1334"/>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8">
    <w:name w:val="035A912BA35E486D8327EC06CBF5835348"/>
    <w:rsid w:val="00EE1334"/>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4">
    <w:name w:val="FD8246AFB1FB468BB3943CFB6CB0EB784"/>
    <w:rsid w:val="00163622"/>
    <w:pPr>
      <w:spacing w:after="0" w:line="260" w:lineRule="atLeast"/>
    </w:pPr>
    <w:rPr>
      <w:rFonts w:ascii="Times New Roman" w:eastAsiaTheme="minorHAnsi" w:hAnsi="Times New Roman" w:cs="Times New Roman"/>
      <w:lang w:eastAsia="en-US"/>
    </w:rPr>
  </w:style>
  <w:style w:type="paragraph" w:customStyle="1" w:styleId="E944516E3AF84F919EEA36E4FAE0FBB44">
    <w:name w:val="E944516E3AF84F919EEA36E4FAE0FBB44"/>
    <w:rsid w:val="00163622"/>
    <w:pPr>
      <w:spacing w:after="0" w:line="260" w:lineRule="atLeast"/>
    </w:pPr>
    <w:rPr>
      <w:rFonts w:ascii="Times New Roman" w:eastAsiaTheme="minorHAnsi" w:hAnsi="Times New Roman" w:cs="Times New Roman"/>
      <w:lang w:eastAsia="en-US"/>
    </w:rPr>
  </w:style>
  <w:style w:type="paragraph" w:customStyle="1" w:styleId="1B68D6368323483280FD11CF8F0D11D134">
    <w:name w:val="1B68D6368323483280FD11CF8F0D11D134"/>
    <w:rsid w:val="00163622"/>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4">
    <w:name w:val="C551D5B8DA694511AA3C625EC9AC5CA134"/>
    <w:rsid w:val="00163622"/>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4">
    <w:name w:val="33D1A2F291454B43A77CC29DC2CB775334"/>
    <w:rsid w:val="00163622"/>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4">
    <w:name w:val="E2C52655502D4B9C886ED7BF19513FD234"/>
    <w:rsid w:val="00163622"/>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4">
    <w:name w:val="ED0C702C7C8144B6B245F114E1848AFB34"/>
    <w:rsid w:val="00163622"/>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49">
    <w:name w:val="035A912BA35E486D8327EC06CBF5835349"/>
    <w:rsid w:val="00163622"/>
    <w:pPr>
      <w:tabs>
        <w:tab w:val="left" w:pos="1418"/>
      </w:tabs>
      <w:spacing w:after="0" w:line="160" w:lineRule="atLeast"/>
      <w:jc w:val="both"/>
    </w:pPr>
    <w:rPr>
      <w:rFonts w:ascii="Arial" w:eastAsiaTheme="minorHAnsi" w:hAnsi="Arial" w:cs="Arial"/>
      <w:sz w:val="12"/>
      <w:lang w:eastAsia="en-US"/>
    </w:rPr>
  </w:style>
  <w:style w:type="paragraph" w:customStyle="1" w:styleId="FD286D19D9D9464BA7AE7F8C9551CA40">
    <w:name w:val="FD286D19D9D9464BA7AE7F8C9551CA40"/>
    <w:rsid w:val="00163622"/>
    <w:pPr>
      <w:spacing w:after="160" w:line="259" w:lineRule="auto"/>
    </w:pPr>
    <w:rPr>
      <w:lang w:val="da-DK" w:eastAsia="da-DK"/>
    </w:rPr>
  </w:style>
  <w:style w:type="paragraph" w:customStyle="1" w:styleId="FD8246AFB1FB468BB3943CFB6CB0EB785">
    <w:name w:val="FD8246AFB1FB468BB3943CFB6CB0EB785"/>
    <w:rsid w:val="00163622"/>
    <w:pPr>
      <w:spacing w:after="0" w:line="260" w:lineRule="atLeast"/>
    </w:pPr>
    <w:rPr>
      <w:rFonts w:ascii="Times New Roman" w:eastAsiaTheme="minorHAnsi" w:hAnsi="Times New Roman" w:cs="Times New Roman"/>
      <w:lang w:eastAsia="en-US"/>
    </w:rPr>
  </w:style>
  <w:style w:type="paragraph" w:customStyle="1" w:styleId="E944516E3AF84F919EEA36E4FAE0FBB45">
    <w:name w:val="E944516E3AF84F919EEA36E4FAE0FBB45"/>
    <w:rsid w:val="00163622"/>
    <w:pPr>
      <w:spacing w:after="0" w:line="260" w:lineRule="atLeast"/>
    </w:pPr>
    <w:rPr>
      <w:rFonts w:ascii="Times New Roman" w:eastAsiaTheme="minorHAnsi" w:hAnsi="Times New Roman" w:cs="Times New Roman"/>
      <w:lang w:eastAsia="en-US"/>
    </w:rPr>
  </w:style>
  <w:style w:type="paragraph" w:customStyle="1" w:styleId="1B68D6368323483280FD11CF8F0D11D135">
    <w:name w:val="1B68D6368323483280FD11CF8F0D11D135"/>
    <w:rsid w:val="00163622"/>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5">
    <w:name w:val="C551D5B8DA694511AA3C625EC9AC5CA135"/>
    <w:rsid w:val="00163622"/>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5">
    <w:name w:val="33D1A2F291454B43A77CC29DC2CB775335"/>
    <w:rsid w:val="00163622"/>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5">
    <w:name w:val="E2C52655502D4B9C886ED7BF19513FD235"/>
    <w:rsid w:val="00163622"/>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5">
    <w:name w:val="ED0C702C7C8144B6B245F114E1848AFB35"/>
    <w:rsid w:val="00163622"/>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0">
    <w:name w:val="035A912BA35E486D8327EC06CBF5835350"/>
    <w:rsid w:val="00163622"/>
    <w:pPr>
      <w:tabs>
        <w:tab w:val="left" w:pos="1418"/>
      </w:tabs>
      <w:spacing w:after="0" w:line="160" w:lineRule="atLeast"/>
      <w:jc w:val="both"/>
    </w:pPr>
    <w:rPr>
      <w:rFonts w:ascii="Arial" w:eastAsiaTheme="minorHAnsi" w:hAnsi="Arial" w:cs="Arial"/>
      <w:sz w:val="12"/>
      <w:lang w:eastAsia="en-US"/>
    </w:rPr>
  </w:style>
  <w:style w:type="paragraph" w:customStyle="1" w:styleId="ADF837F3C1B64F5B8FF7B62F1BFB006F">
    <w:name w:val="ADF837F3C1B64F5B8FF7B62F1BFB006F"/>
    <w:rsid w:val="00163622"/>
    <w:pPr>
      <w:spacing w:after="160" w:line="259" w:lineRule="auto"/>
    </w:pPr>
    <w:rPr>
      <w:lang w:val="da-DK" w:eastAsia="da-DK"/>
    </w:rPr>
  </w:style>
  <w:style w:type="paragraph" w:customStyle="1" w:styleId="42014591C899482CB61EA345B57CA92F">
    <w:name w:val="42014591C899482CB61EA345B57CA92F"/>
    <w:rsid w:val="00163622"/>
    <w:pPr>
      <w:spacing w:after="160" w:line="259" w:lineRule="auto"/>
    </w:pPr>
    <w:rPr>
      <w:lang w:val="da-DK" w:eastAsia="da-DK"/>
    </w:rPr>
  </w:style>
  <w:style w:type="paragraph" w:customStyle="1" w:styleId="DA3A3F912E5E4C5386C08AED970F4DF5">
    <w:name w:val="DA3A3F912E5E4C5386C08AED970F4DF5"/>
    <w:rsid w:val="00163622"/>
    <w:pPr>
      <w:spacing w:after="160" w:line="259" w:lineRule="auto"/>
    </w:pPr>
    <w:rPr>
      <w:lang w:val="da-DK" w:eastAsia="da-DK"/>
    </w:rPr>
  </w:style>
  <w:style w:type="paragraph" w:customStyle="1" w:styleId="FD8246AFB1FB468BB3943CFB6CB0EB786">
    <w:name w:val="FD8246AFB1FB468BB3943CFB6CB0EB786"/>
    <w:rsid w:val="00163622"/>
    <w:pPr>
      <w:spacing w:after="0" w:line="260" w:lineRule="atLeast"/>
    </w:pPr>
    <w:rPr>
      <w:rFonts w:ascii="Times New Roman" w:eastAsiaTheme="minorHAnsi" w:hAnsi="Times New Roman" w:cs="Times New Roman"/>
      <w:lang w:eastAsia="en-US"/>
    </w:rPr>
  </w:style>
  <w:style w:type="paragraph" w:customStyle="1" w:styleId="E944516E3AF84F919EEA36E4FAE0FBB46">
    <w:name w:val="E944516E3AF84F919EEA36E4FAE0FBB46"/>
    <w:rsid w:val="00163622"/>
    <w:pPr>
      <w:spacing w:after="0" w:line="260" w:lineRule="atLeast"/>
    </w:pPr>
    <w:rPr>
      <w:rFonts w:ascii="Times New Roman" w:eastAsiaTheme="minorHAnsi" w:hAnsi="Times New Roman" w:cs="Times New Roman"/>
      <w:lang w:eastAsia="en-US"/>
    </w:rPr>
  </w:style>
  <w:style w:type="paragraph" w:customStyle="1" w:styleId="1B68D6368323483280FD11CF8F0D11D136">
    <w:name w:val="1B68D6368323483280FD11CF8F0D11D136"/>
    <w:rsid w:val="00163622"/>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6">
    <w:name w:val="C551D5B8DA694511AA3C625EC9AC5CA136"/>
    <w:rsid w:val="00163622"/>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6">
    <w:name w:val="33D1A2F291454B43A77CC29DC2CB775336"/>
    <w:rsid w:val="00163622"/>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6">
    <w:name w:val="E2C52655502D4B9C886ED7BF19513FD236"/>
    <w:rsid w:val="00163622"/>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6">
    <w:name w:val="ED0C702C7C8144B6B245F114E1848AFB36"/>
    <w:rsid w:val="00163622"/>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1">
    <w:name w:val="035A912BA35E486D8327EC06CBF5835351"/>
    <w:rsid w:val="00163622"/>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7">
    <w:name w:val="FD8246AFB1FB468BB3943CFB6CB0EB787"/>
    <w:rsid w:val="00163622"/>
    <w:pPr>
      <w:spacing w:after="0" w:line="260" w:lineRule="atLeast"/>
    </w:pPr>
    <w:rPr>
      <w:rFonts w:ascii="Times New Roman" w:eastAsiaTheme="minorHAnsi" w:hAnsi="Times New Roman" w:cs="Times New Roman"/>
      <w:lang w:eastAsia="en-US"/>
    </w:rPr>
  </w:style>
  <w:style w:type="paragraph" w:customStyle="1" w:styleId="E944516E3AF84F919EEA36E4FAE0FBB47">
    <w:name w:val="E944516E3AF84F919EEA36E4FAE0FBB47"/>
    <w:rsid w:val="00163622"/>
    <w:pPr>
      <w:spacing w:after="0" w:line="260" w:lineRule="atLeast"/>
    </w:pPr>
    <w:rPr>
      <w:rFonts w:ascii="Times New Roman" w:eastAsiaTheme="minorHAnsi" w:hAnsi="Times New Roman" w:cs="Times New Roman"/>
      <w:lang w:eastAsia="en-US"/>
    </w:rPr>
  </w:style>
  <w:style w:type="paragraph" w:customStyle="1" w:styleId="1B68D6368323483280FD11CF8F0D11D137">
    <w:name w:val="1B68D6368323483280FD11CF8F0D11D137"/>
    <w:rsid w:val="00163622"/>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7">
    <w:name w:val="C551D5B8DA694511AA3C625EC9AC5CA137"/>
    <w:rsid w:val="00163622"/>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7">
    <w:name w:val="33D1A2F291454B43A77CC29DC2CB775337"/>
    <w:rsid w:val="00163622"/>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7">
    <w:name w:val="E2C52655502D4B9C886ED7BF19513FD237"/>
    <w:rsid w:val="00163622"/>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7">
    <w:name w:val="ED0C702C7C8144B6B245F114E1848AFB37"/>
    <w:rsid w:val="00163622"/>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2">
    <w:name w:val="035A912BA35E486D8327EC06CBF5835352"/>
    <w:rsid w:val="00163622"/>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8">
    <w:name w:val="FD8246AFB1FB468BB3943CFB6CB0EB788"/>
    <w:rsid w:val="00BF35BD"/>
    <w:pPr>
      <w:spacing w:after="0" w:line="260" w:lineRule="atLeast"/>
    </w:pPr>
    <w:rPr>
      <w:rFonts w:ascii="Times New Roman" w:eastAsiaTheme="minorHAnsi" w:hAnsi="Times New Roman" w:cs="Times New Roman"/>
      <w:lang w:eastAsia="en-US"/>
    </w:rPr>
  </w:style>
  <w:style w:type="paragraph" w:customStyle="1" w:styleId="E944516E3AF84F919EEA36E4FAE0FBB48">
    <w:name w:val="E944516E3AF84F919EEA36E4FAE0FBB48"/>
    <w:rsid w:val="00BF35BD"/>
    <w:pPr>
      <w:spacing w:after="0" w:line="260" w:lineRule="atLeast"/>
    </w:pPr>
    <w:rPr>
      <w:rFonts w:ascii="Times New Roman" w:eastAsiaTheme="minorHAnsi" w:hAnsi="Times New Roman" w:cs="Times New Roman"/>
      <w:lang w:eastAsia="en-US"/>
    </w:rPr>
  </w:style>
  <w:style w:type="paragraph" w:customStyle="1" w:styleId="1B68D6368323483280FD11CF8F0D11D138">
    <w:name w:val="1B68D6368323483280FD11CF8F0D11D138"/>
    <w:rsid w:val="00BF35BD"/>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8">
    <w:name w:val="C551D5B8DA694511AA3C625EC9AC5CA138"/>
    <w:rsid w:val="00BF35BD"/>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8">
    <w:name w:val="33D1A2F291454B43A77CC29DC2CB775338"/>
    <w:rsid w:val="00BF35BD"/>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8">
    <w:name w:val="E2C52655502D4B9C886ED7BF19513FD238"/>
    <w:rsid w:val="00BF35BD"/>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8">
    <w:name w:val="ED0C702C7C8144B6B245F114E1848AFB38"/>
    <w:rsid w:val="00BF35BD"/>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3">
    <w:name w:val="035A912BA35E486D8327EC06CBF5835353"/>
    <w:rsid w:val="00BF35BD"/>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9">
    <w:name w:val="FD8246AFB1FB468BB3943CFB6CB0EB789"/>
    <w:rsid w:val="00466E4E"/>
    <w:pPr>
      <w:spacing w:after="0" w:line="260" w:lineRule="atLeast"/>
    </w:pPr>
    <w:rPr>
      <w:rFonts w:ascii="Times New Roman" w:eastAsiaTheme="minorHAnsi" w:hAnsi="Times New Roman" w:cs="Times New Roman"/>
      <w:lang w:eastAsia="en-US"/>
    </w:rPr>
  </w:style>
  <w:style w:type="paragraph" w:customStyle="1" w:styleId="E944516E3AF84F919EEA36E4FAE0FBB49">
    <w:name w:val="E944516E3AF84F919EEA36E4FAE0FBB49"/>
    <w:rsid w:val="00466E4E"/>
    <w:pPr>
      <w:spacing w:after="0" w:line="260" w:lineRule="atLeast"/>
    </w:pPr>
    <w:rPr>
      <w:rFonts w:ascii="Times New Roman" w:eastAsiaTheme="minorHAnsi" w:hAnsi="Times New Roman" w:cs="Times New Roman"/>
      <w:lang w:eastAsia="en-US"/>
    </w:rPr>
  </w:style>
  <w:style w:type="paragraph" w:customStyle="1" w:styleId="1B68D6368323483280FD11CF8F0D11D139">
    <w:name w:val="1B68D6368323483280FD11CF8F0D11D139"/>
    <w:rsid w:val="00466E4E"/>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39">
    <w:name w:val="C551D5B8DA694511AA3C625EC9AC5CA139"/>
    <w:rsid w:val="00466E4E"/>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39">
    <w:name w:val="33D1A2F291454B43A77CC29DC2CB775339"/>
    <w:rsid w:val="00466E4E"/>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39">
    <w:name w:val="E2C52655502D4B9C886ED7BF19513FD239"/>
    <w:rsid w:val="00466E4E"/>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39">
    <w:name w:val="ED0C702C7C8144B6B245F114E1848AFB39"/>
    <w:rsid w:val="00466E4E"/>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4">
    <w:name w:val="035A912BA35E486D8327EC06CBF5835354"/>
    <w:rsid w:val="00466E4E"/>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10">
    <w:name w:val="FD8246AFB1FB468BB3943CFB6CB0EB7810"/>
    <w:rsid w:val="00D41AFB"/>
    <w:pPr>
      <w:spacing w:after="0" w:line="260" w:lineRule="atLeast"/>
    </w:pPr>
    <w:rPr>
      <w:rFonts w:ascii="Times New Roman" w:eastAsiaTheme="minorHAnsi" w:hAnsi="Times New Roman" w:cs="Times New Roman"/>
      <w:lang w:eastAsia="en-US"/>
    </w:rPr>
  </w:style>
  <w:style w:type="paragraph" w:customStyle="1" w:styleId="E944516E3AF84F919EEA36E4FAE0FBB410">
    <w:name w:val="E944516E3AF84F919EEA36E4FAE0FBB410"/>
    <w:rsid w:val="00D41AFB"/>
    <w:pPr>
      <w:spacing w:after="0" w:line="260" w:lineRule="atLeast"/>
    </w:pPr>
    <w:rPr>
      <w:rFonts w:ascii="Times New Roman" w:eastAsiaTheme="minorHAnsi" w:hAnsi="Times New Roman" w:cs="Times New Roman"/>
      <w:lang w:eastAsia="en-US"/>
    </w:rPr>
  </w:style>
  <w:style w:type="paragraph" w:customStyle="1" w:styleId="1B68D6368323483280FD11CF8F0D11D140">
    <w:name w:val="1B68D6368323483280FD11CF8F0D11D140"/>
    <w:rsid w:val="00D41AFB"/>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40">
    <w:name w:val="C551D5B8DA694511AA3C625EC9AC5CA140"/>
    <w:rsid w:val="00D41AFB"/>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40">
    <w:name w:val="33D1A2F291454B43A77CC29DC2CB775340"/>
    <w:rsid w:val="00D41AFB"/>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40">
    <w:name w:val="E2C52655502D4B9C886ED7BF19513FD240"/>
    <w:rsid w:val="00D41AFB"/>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40">
    <w:name w:val="ED0C702C7C8144B6B245F114E1848AFB40"/>
    <w:rsid w:val="00D41AFB"/>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5">
    <w:name w:val="035A912BA35E486D8327EC06CBF5835355"/>
    <w:rsid w:val="00D41AFB"/>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11">
    <w:name w:val="FD8246AFB1FB468BB3943CFB6CB0EB7811"/>
    <w:rsid w:val="00F34CDA"/>
    <w:pPr>
      <w:spacing w:after="0" w:line="260" w:lineRule="atLeast"/>
    </w:pPr>
    <w:rPr>
      <w:rFonts w:ascii="Times New Roman" w:eastAsiaTheme="minorHAnsi" w:hAnsi="Times New Roman" w:cs="Times New Roman"/>
      <w:lang w:eastAsia="en-US"/>
    </w:rPr>
  </w:style>
  <w:style w:type="paragraph" w:customStyle="1" w:styleId="E944516E3AF84F919EEA36E4FAE0FBB411">
    <w:name w:val="E944516E3AF84F919EEA36E4FAE0FBB411"/>
    <w:rsid w:val="00F34CDA"/>
    <w:pPr>
      <w:spacing w:after="0" w:line="260" w:lineRule="atLeast"/>
    </w:pPr>
    <w:rPr>
      <w:rFonts w:ascii="Times New Roman" w:eastAsiaTheme="minorHAnsi" w:hAnsi="Times New Roman" w:cs="Times New Roman"/>
      <w:lang w:eastAsia="en-US"/>
    </w:rPr>
  </w:style>
  <w:style w:type="paragraph" w:customStyle="1" w:styleId="1B68D6368323483280FD11CF8F0D11D141">
    <w:name w:val="1B68D6368323483280FD11CF8F0D11D141"/>
    <w:rsid w:val="00F34CDA"/>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41">
    <w:name w:val="C551D5B8DA694511AA3C625EC9AC5CA141"/>
    <w:rsid w:val="00F34CDA"/>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41">
    <w:name w:val="33D1A2F291454B43A77CC29DC2CB775341"/>
    <w:rsid w:val="00F34CDA"/>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41">
    <w:name w:val="E2C52655502D4B9C886ED7BF19513FD241"/>
    <w:rsid w:val="00F34CDA"/>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41">
    <w:name w:val="ED0C702C7C8144B6B245F114E1848AFB41"/>
    <w:rsid w:val="00F34CDA"/>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6">
    <w:name w:val="035A912BA35E486D8327EC06CBF5835356"/>
    <w:rsid w:val="00F34CDA"/>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12">
    <w:name w:val="FD8246AFB1FB468BB3943CFB6CB0EB7812"/>
    <w:rsid w:val="001E1EFD"/>
    <w:pPr>
      <w:spacing w:after="0" w:line="260" w:lineRule="atLeast"/>
    </w:pPr>
    <w:rPr>
      <w:rFonts w:ascii="Times New Roman" w:eastAsiaTheme="minorHAnsi" w:hAnsi="Times New Roman" w:cs="Times New Roman"/>
      <w:lang w:eastAsia="en-US"/>
    </w:rPr>
  </w:style>
  <w:style w:type="paragraph" w:customStyle="1" w:styleId="E944516E3AF84F919EEA36E4FAE0FBB412">
    <w:name w:val="E944516E3AF84F919EEA36E4FAE0FBB412"/>
    <w:rsid w:val="001E1EFD"/>
    <w:pPr>
      <w:spacing w:after="0" w:line="260" w:lineRule="atLeast"/>
    </w:pPr>
    <w:rPr>
      <w:rFonts w:ascii="Times New Roman" w:eastAsiaTheme="minorHAnsi" w:hAnsi="Times New Roman" w:cs="Times New Roman"/>
      <w:lang w:eastAsia="en-US"/>
    </w:rPr>
  </w:style>
  <w:style w:type="paragraph" w:customStyle="1" w:styleId="1B68D6368323483280FD11CF8F0D11D142">
    <w:name w:val="1B68D6368323483280FD11CF8F0D11D142"/>
    <w:rsid w:val="001E1EFD"/>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42">
    <w:name w:val="C551D5B8DA694511AA3C625EC9AC5CA142"/>
    <w:rsid w:val="001E1EFD"/>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42">
    <w:name w:val="33D1A2F291454B43A77CC29DC2CB775342"/>
    <w:rsid w:val="001E1EFD"/>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42">
    <w:name w:val="E2C52655502D4B9C886ED7BF19513FD242"/>
    <w:rsid w:val="001E1EFD"/>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42">
    <w:name w:val="ED0C702C7C8144B6B245F114E1848AFB42"/>
    <w:rsid w:val="001E1EFD"/>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7">
    <w:name w:val="035A912BA35E486D8327EC06CBF5835357"/>
    <w:rsid w:val="001E1EFD"/>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13">
    <w:name w:val="FD8246AFB1FB468BB3943CFB6CB0EB7813"/>
    <w:rsid w:val="001E1EFD"/>
    <w:pPr>
      <w:spacing w:after="0" w:line="260" w:lineRule="atLeast"/>
    </w:pPr>
    <w:rPr>
      <w:rFonts w:ascii="Times New Roman" w:eastAsiaTheme="minorHAnsi" w:hAnsi="Times New Roman" w:cs="Times New Roman"/>
      <w:lang w:eastAsia="en-US"/>
    </w:rPr>
  </w:style>
  <w:style w:type="paragraph" w:customStyle="1" w:styleId="E944516E3AF84F919EEA36E4FAE0FBB413">
    <w:name w:val="E944516E3AF84F919EEA36E4FAE0FBB413"/>
    <w:rsid w:val="001E1EFD"/>
    <w:pPr>
      <w:spacing w:after="0" w:line="260" w:lineRule="atLeast"/>
    </w:pPr>
    <w:rPr>
      <w:rFonts w:ascii="Times New Roman" w:eastAsiaTheme="minorHAnsi" w:hAnsi="Times New Roman" w:cs="Times New Roman"/>
      <w:lang w:eastAsia="en-US"/>
    </w:rPr>
  </w:style>
  <w:style w:type="paragraph" w:customStyle="1" w:styleId="1B68D6368323483280FD11CF8F0D11D143">
    <w:name w:val="1B68D6368323483280FD11CF8F0D11D143"/>
    <w:rsid w:val="001E1EFD"/>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43">
    <w:name w:val="C551D5B8DA694511AA3C625EC9AC5CA143"/>
    <w:rsid w:val="001E1EFD"/>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43">
    <w:name w:val="33D1A2F291454B43A77CC29DC2CB775343"/>
    <w:rsid w:val="001E1EFD"/>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43">
    <w:name w:val="E2C52655502D4B9C886ED7BF19513FD243"/>
    <w:rsid w:val="001E1EFD"/>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43">
    <w:name w:val="ED0C702C7C8144B6B245F114E1848AFB43"/>
    <w:rsid w:val="001E1EFD"/>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8">
    <w:name w:val="035A912BA35E486D8327EC06CBF5835358"/>
    <w:rsid w:val="001E1EFD"/>
    <w:pPr>
      <w:tabs>
        <w:tab w:val="left" w:pos="1418"/>
      </w:tabs>
      <w:spacing w:after="0" w:line="160" w:lineRule="atLeast"/>
      <w:jc w:val="both"/>
    </w:pPr>
    <w:rPr>
      <w:rFonts w:ascii="Arial" w:eastAsiaTheme="minorHAnsi" w:hAnsi="Arial" w:cs="Arial"/>
      <w:sz w:val="12"/>
      <w:lang w:eastAsia="en-US"/>
    </w:rPr>
  </w:style>
  <w:style w:type="paragraph" w:customStyle="1" w:styleId="FD8246AFB1FB468BB3943CFB6CB0EB7814">
    <w:name w:val="FD8246AFB1FB468BB3943CFB6CB0EB7814"/>
    <w:rsid w:val="001E1EFD"/>
    <w:pPr>
      <w:spacing w:after="0" w:line="260" w:lineRule="atLeast"/>
    </w:pPr>
    <w:rPr>
      <w:rFonts w:ascii="Times New Roman" w:eastAsiaTheme="minorHAnsi" w:hAnsi="Times New Roman" w:cs="Times New Roman"/>
      <w:lang w:eastAsia="en-US"/>
    </w:rPr>
  </w:style>
  <w:style w:type="paragraph" w:customStyle="1" w:styleId="E944516E3AF84F919EEA36E4FAE0FBB414">
    <w:name w:val="E944516E3AF84F919EEA36E4FAE0FBB414"/>
    <w:rsid w:val="001E1EFD"/>
    <w:pPr>
      <w:spacing w:after="0" w:line="260" w:lineRule="atLeast"/>
    </w:pPr>
    <w:rPr>
      <w:rFonts w:ascii="Times New Roman" w:eastAsiaTheme="minorHAnsi" w:hAnsi="Times New Roman" w:cs="Times New Roman"/>
      <w:lang w:eastAsia="en-US"/>
    </w:rPr>
  </w:style>
  <w:style w:type="paragraph" w:customStyle="1" w:styleId="1B68D6368323483280FD11CF8F0D11D144">
    <w:name w:val="1B68D6368323483280FD11CF8F0D11D144"/>
    <w:rsid w:val="001E1EFD"/>
    <w:pPr>
      <w:tabs>
        <w:tab w:val="left" w:pos="1418"/>
      </w:tabs>
      <w:spacing w:after="0" w:line="160" w:lineRule="atLeast"/>
      <w:jc w:val="both"/>
    </w:pPr>
    <w:rPr>
      <w:rFonts w:ascii="Arial" w:eastAsiaTheme="minorHAnsi" w:hAnsi="Arial" w:cs="Arial"/>
      <w:sz w:val="12"/>
      <w:lang w:eastAsia="en-US"/>
    </w:rPr>
  </w:style>
  <w:style w:type="paragraph" w:customStyle="1" w:styleId="C551D5B8DA694511AA3C625EC9AC5CA144">
    <w:name w:val="C551D5B8DA694511AA3C625EC9AC5CA144"/>
    <w:rsid w:val="001E1EFD"/>
    <w:pPr>
      <w:tabs>
        <w:tab w:val="left" w:pos="1418"/>
      </w:tabs>
      <w:spacing w:after="0" w:line="160" w:lineRule="atLeast"/>
      <w:jc w:val="both"/>
    </w:pPr>
    <w:rPr>
      <w:rFonts w:ascii="Arial" w:eastAsiaTheme="minorHAnsi" w:hAnsi="Arial" w:cs="Arial"/>
      <w:sz w:val="12"/>
      <w:lang w:eastAsia="en-US"/>
    </w:rPr>
  </w:style>
  <w:style w:type="paragraph" w:customStyle="1" w:styleId="33D1A2F291454B43A77CC29DC2CB775344">
    <w:name w:val="33D1A2F291454B43A77CC29DC2CB775344"/>
    <w:rsid w:val="001E1EFD"/>
    <w:pPr>
      <w:tabs>
        <w:tab w:val="left" w:pos="1418"/>
      </w:tabs>
      <w:spacing w:after="0" w:line="160" w:lineRule="atLeast"/>
      <w:jc w:val="both"/>
    </w:pPr>
    <w:rPr>
      <w:rFonts w:ascii="Arial" w:eastAsiaTheme="minorHAnsi" w:hAnsi="Arial" w:cs="Arial"/>
      <w:sz w:val="12"/>
      <w:lang w:eastAsia="en-US"/>
    </w:rPr>
  </w:style>
  <w:style w:type="paragraph" w:customStyle="1" w:styleId="E2C52655502D4B9C886ED7BF19513FD244">
    <w:name w:val="E2C52655502D4B9C886ED7BF19513FD244"/>
    <w:rsid w:val="001E1EFD"/>
    <w:pPr>
      <w:tabs>
        <w:tab w:val="left" w:pos="1418"/>
      </w:tabs>
      <w:spacing w:after="0" w:line="160" w:lineRule="atLeast"/>
      <w:jc w:val="both"/>
    </w:pPr>
    <w:rPr>
      <w:rFonts w:ascii="Arial" w:eastAsiaTheme="minorHAnsi" w:hAnsi="Arial" w:cs="Arial"/>
      <w:sz w:val="12"/>
      <w:lang w:eastAsia="en-US"/>
    </w:rPr>
  </w:style>
  <w:style w:type="paragraph" w:customStyle="1" w:styleId="ED0C702C7C8144B6B245F114E1848AFB44">
    <w:name w:val="ED0C702C7C8144B6B245F114E1848AFB44"/>
    <w:rsid w:val="001E1EFD"/>
    <w:pPr>
      <w:tabs>
        <w:tab w:val="left" w:pos="1418"/>
      </w:tabs>
      <w:spacing w:after="0" w:line="160" w:lineRule="atLeast"/>
      <w:jc w:val="both"/>
    </w:pPr>
    <w:rPr>
      <w:rFonts w:ascii="Arial" w:eastAsiaTheme="minorHAnsi" w:hAnsi="Arial" w:cs="Arial"/>
      <w:sz w:val="12"/>
      <w:lang w:eastAsia="en-US"/>
    </w:rPr>
  </w:style>
  <w:style w:type="paragraph" w:customStyle="1" w:styleId="035A912BA35E486D8327EC06CBF5835359">
    <w:name w:val="035A912BA35E486D8327EC06CBF5835359"/>
    <w:rsid w:val="001E1EFD"/>
    <w:pPr>
      <w:tabs>
        <w:tab w:val="left" w:pos="1418"/>
      </w:tabs>
      <w:spacing w:after="0" w:line="160" w:lineRule="atLeast"/>
      <w:jc w:val="both"/>
    </w:pPr>
    <w:rPr>
      <w:rFonts w:ascii="Arial" w:eastAsiaTheme="minorHAnsi" w:hAnsi="Arial" w:cs="Arial"/>
      <w:sz w:val="12"/>
      <w:lang w:eastAsia="en-US"/>
    </w:rPr>
  </w:style>
  <w:style w:type="paragraph" w:customStyle="1" w:styleId="3EB90CC89B5E4E00830ADA6CB9061066">
    <w:name w:val="3EB90CC89B5E4E00830ADA6CB9061066"/>
    <w:rsid w:val="00AA3ED2"/>
    <w:pPr>
      <w:spacing w:after="160" w:line="259" w:lineRule="auto"/>
    </w:pPr>
    <w:rPr>
      <w:lang w:val="da-DK" w:eastAsia="da-DK"/>
    </w:rPr>
  </w:style>
  <w:style w:type="paragraph" w:customStyle="1" w:styleId="E35BF02FFF5A4CCE8C2777F02A420934">
    <w:name w:val="E35BF02FFF5A4CCE8C2777F02A420934"/>
    <w:rsid w:val="00AA3ED2"/>
    <w:pPr>
      <w:spacing w:after="160" w:line="259" w:lineRule="auto"/>
    </w:pPr>
    <w:rPr>
      <w:lang w:val="da-DK" w:eastAsia="da-DK"/>
    </w:rPr>
  </w:style>
  <w:style w:type="paragraph" w:customStyle="1" w:styleId="36E786BEF0674D8C9AFA9F64ABE0CAFA">
    <w:name w:val="36E786BEF0674D8C9AFA9F64ABE0CAFA"/>
    <w:rsid w:val="00AA3ED2"/>
    <w:pPr>
      <w:spacing w:after="160" w:line="259" w:lineRule="auto"/>
    </w:pPr>
    <w:rPr>
      <w:lang w:val="da-DK" w:eastAsia="da-DK"/>
    </w:rPr>
  </w:style>
  <w:style w:type="paragraph" w:customStyle="1" w:styleId="FFAF2AF9E2F747EA823826AE280E9792">
    <w:name w:val="FFAF2AF9E2F747EA823826AE280E9792"/>
    <w:rsid w:val="00AA3ED2"/>
    <w:pPr>
      <w:spacing w:after="160" w:line="259" w:lineRule="auto"/>
    </w:pPr>
    <w:rPr>
      <w:lang w:val="da-DK" w:eastAsia="da-DK"/>
    </w:rPr>
  </w:style>
  <w:style w:type="paragraph" w:customStyle="1" w:styleId="49708BCDC06846B6AEFB19B429698D1F">
    <w:name w:val="49708BCDC06846B6AEFB19B429698D1F"/>
    <w:rsid w:val="00AA3ED2"/>
    <w:pPr>
      <w:spacing w:after="160" w:line="259" w:lineRule="auto"/>
    </w:pPr>
    <w:rPr>
      <w:lang w:val="da-DK" w:eastAsia="da-DK"/>
    </w:rPr>
  </w:style>
  <w:style w:type="paragraph" w:customStyle="1" w:styleId="D5E3C3AEC0554DE98AD82C15186C5121">
    <w:name w:val="D5E3C3AEC0554DE98AD82C15186C5121"/>
    <w:rsid w:val="00AA3ED2"/>
    <w:pPr>
      <w:spacing w:after="160" w:line="259" w:lineRule="auto"/>
    </w:pPr>
    <w:rPr>
      <w:lang w:val="da-DK" w:eastAsia="da-DK"/>
    </w:rPr>
  </w:style>
  <w:style w:type="paragraph" w:customStyle="1" w:styleId="537809D74AE8464FAD2A8AB4835F42A2">
    <w:name w:val="537809D74AE8464FAD2A8AB4835F42A2"/>
    <w:rsid w:val="00AA3ED2"/>
    <w:pPr>
      <w:spacing w:after="160" w:line="259" w:lineRule="auto"/>
    </w:pPr>
    <w:rPr>
      <w:lang w:val="da-DK" w:eastAsia="da-DK"/>
    </w:rPr>
  </w:style>
  <w:style w:type="paragraph" w:customStyle="1" w:styleId="B1E6B2B1487B4E3DB190A2B0D546D385">
    <w:name w:val="B1E6B2B1487B4E3DB190A2B0D546D385"/>
    <w:rsid w:val="00AA3ED2"/>
    <w:pPr>
      <w:spacing w:after="160" w:line="259" w:lineRule="auto"/>
    </w:pPr>
    <w:rPr>
      <w:lang w:val="da-DK" w:eastAsia="da-DK"/>
    </w:rPr>
  </w:style>
  <w:style w:type="paragraph" w:customStyle="1" w:styleId="BD2F42C4C7EB4BA7856E059E4DFC3CDB">
    <w:name w:val="BD2F42C4C7EB4BA7856E059E4DFC3CDB"/>
    <w:rsid w:val="00AA3ED2"/>
    <w:pPr>
      <w:spacing w:after="160" w:line="259" w:lineRule="auto"/>
    </w:pPr>
    <w:rPr>
      <w:lang w:val="da-DK" w:eastAsia="da-DK"/>
    </w:rPr>
  </w:style>
  <w:style w:type="paragraph" w:customStyle="1" w:styleId="D3FC88BD01114FD2B0F02C6C82AFD2D6">
    <w:name w:val="D3FC88BD01114FD2B0F02C6C82AFD2D6"/>
    <w:rsid w:val="00AA3ED2"/>
    <w:pPr>
      <w:spacing w:after="160" w:line="259" w:lineRule="auto"/>
    </w:pPr>
    <w:rPr>
      <w:lang w:val="da-DK" w:eastAsia="da-DK"/>
    </w:rPr>
  </w:style>
  <w:style w:type="paragraph" w:customStyle="1" w:styleId="2FDF8B95211D466E9BB7538245466203">
    <w:name w:val="2FDF8B95211D466E9BB7538245466203"/>
    <w:rsid w:val="00AA3ED2"/>
    <w:pPr>
      <w:spacing w:after="160" w:line="259" w:lineRule="auto"/>
    </w:pPr>
    <w:rPr>
      <w:lang w:val="da-DK" w:eastAsia="da-DK"/>
    </w:rPr>
  </w:style>
  <w:style w:type="paragraph" w:customStyle="1" w:styleId="7654F3D38F694EBA82639089031E0B1C">
    <w:name w:val="7654F3D38F694EBA82639089031E0B1C"/>
    <w:rsid w:val="00AA3ED2"/>
    <w:pPr>
      <w:spacing w:after="160" w:line="259" w:lineRule="auto"/>
    </w:pPr>
    <w:rPr>
      <w:lang w:val="da-DK" w:eastAsia="da-DK"/>
    </w:rPr>
  </w:style>
  <w:style w:type="paragraph" w:customStyle="1" w:styleId="9528260BDEBB47969961A9ACFFBBA4DD">
    <w:name w:val="9528260BDEBB47969961A9ACFFBBA4DD"/>
    <w:rsid w:val="00AA3ED2"/>
    <w:pPr>
      <w:spacing w:after="160" w:line="259" w:lineRule="auto"/>
    </w:pPr>
    <w:rPr>
      <w:lang w:val="da-DK" w:eastAsia="da-DK"/>
    </w:rPr>
  </w:style>
  <w:style w:type="paragraph" w:customStyle="1" w:styleId="9CA4F88643E64070B4C295E741B5BA18">
    <w:name w:val="9CA4F88643E64070B4C295E741B5BA18"/>
    <w:rsid w:val="00AA3ED2"/>
    <w:pPr>
      <w:spacing w:after="160" w:line="259" w:lineRule="auto"/>
    </w:pPr>
    <w:rPr>
      <w:lang w:val="da-DK" w:eastAsia="da-DK"/>
    </w:rPr>
  </w:style>
  <w:style w:type="paragraph" w:customStyle="1" w:styleId="8BD849DF7B7541719DC612C1D33CCC76">
    <w:name w:val="8BD849DF7B7541719DC612C1D33CCC76"/>
    <w:rsid w:val="00AA3ED2"/>
    <w:pPr>
      <w:spacing w:after="160" w:line="259" w:lineRule="auto"/>
    </w:pPr>
    <w:rPr>
      <w:lang w:val="da-DK" w:eastAsia="da-DK"/>
    </w:rPr>
  </w:style>
  <w:style w:type="paragraph" w:customStyle="1" w:styleId="7A560EBB676B4B8B8E9E153CCBF3841F">
    <w:name w:val="7A560EBB676B4B8B8E9E153CCBF3841F"/>
    <w:rsid w:val="00AA3ED2"/>
    <w:pPr>
      <w:spacing w:after="160" w:line="259" w:lineRule="auto"/>
    </w:pPr>
    <w:rPr>
      <w:lang w:val="da-DK" w:eastAsia="da-DK"/>
    </w:rPr>
  </w:style>
  <w:style w:type="paragraph" w:customStyle="1" w:styleId="4C0CB6556C7F4F15B1536A0140C67BBC">
    <w:name w:val="4C0CB6556C7F4F15B1536A0140C67BBC"/>
    <w:rsid w:val="00AA3ED2"/>
    <w:pPr>
      <w:spacing w:after="160" w:line="259" w:lineRule="auto"/>
    </w:pPr>
    <w:rPr>
      <w:lang w:val="da-DK" w:eastAsia="da-DK"/>
    </w:rPr>
  </w:style>
  <w:style w:type="paragraph" w:customStyle="1" w:styleId="0EC2067BE7B04D9EB166C56A19EF0267">
    <w:name w:val="0EC2067BE7B04D9EB166C56A19EF0267"/>
    <w:rsid w:val="00AA3ED2"/>
    <w:pPr>
      <w:spacing w:after="160" w:line="259" w:lineRule="auto"/>
    </w:pPr>
    <w:rPr>
      <w:lang w:val="da-DK" w:eastAsia="da-DK"/>
    </w:rPr>
  </w:style>
  <w:style w:type="paragraph" w:customStyle="1" w:styleId="533DB0409734414BB151709882E23FB0">
    <w:name w:val="533DB0409734414BB151709882E23FB0"/>
    <w:rsid w:val="00AA3ED2"/>
    <w:pPr>
      <w:spacing w:after="160" w:line="259" w:lineRule="auto"/>
    </w:pPr>
    <w:rPr>
      <w:lang w:val="da-DK" w:eastAsia="da-DK"/>
    </w:rPr>
  </w:style>
  <w:style w:type="paragraph" w:customStyle="1" w:styleId="765A392AECBB47D29B3EC66E0046BE42">
    <w:name w:val="765A392AECBB47D29B3EC66E0046BE42"/>
    <w:rsid w:val="00AA3ED2"/>
    <w:pPr>
      <w:spacing w:after="160" w:line="259" w:lineRule="auto"/>
    </w:pPr>
    <w:rPr>
      <w:lang w:val="da-DK" w:eastAsia="da-DK"/>
    </w:rPr>
  </w:style>
  <w:style w:type="paragraph" w:customStyle="1" w:styleId="FCA41208BCA84AC39C6FCCF003844A06">
    <w:name w:val="FCA41208BCA84AC39C6FCCF003844A06"/>
    <w:rsid w:val="00AA3ED2"/>
    <w:pPr>
      <w:spacing w:after="160" w:line="259" w:lineRule="auto"/>
    </w:pPr>
    <w:rPr>
      <w:lang w:val="da-DK" w:eastAsia="da-DK"/>
    </w:rPr>
  </w:style>
  <w:style w:type="paragraph" w:customStyle="1" w:styleId="35328E68888149D7947BEDA64F1050CB">
    <w:name w:val="35328E68888149D7947BEDA64F1050CB"/>
    <w:rsid w:val="00AA3ED2"/>
    <w:pPr>
      <w:spacing w:after="160" w:line="259" w:lineRule="auto"/>
    </w:pPr>
    <w:rPr>
      <w:lang w:val="da-DK" w:eastAsia="da-DK"/>
    </w:rPr>
  </w:style>
  <w:style w:type="paragraph" w:customStyle="1" w:styleId="C6D5EA1F35A14E5380A6DAD58C9AB15E">
    <w:name w:val="C6D5EA1F35A14E5380A6DAD58C9AB15E"/>
    <w:rsid w:val="00AA3ED2"/>
    <w:pPr>
      <w:spacing w:after="160" w:line="259" w:lineRule="auto"/>
    </w:pPr>
    <w:rPr>
      <w:lang w:val="da-DK" w:eastAsia="da-DK"/>
    </w:rPr>
  </w:style>
  <w:style w:type="paragraph" w:customStyle="1" w:styleId="55DEB035A8C8404AB83BF17091B9E756">
    <w:name w:val="55DEB035A8C8404AB83BF17091B9E756"/>
    <w:rsid w:val="00AA3ED2"/>
    <w:pPr>
      <w:spacing w:after="160" w:line="259" w:lineRule="auto"/>
    </w:pPr>
    <w:rPr>
      <w:lang w:val="da-DK" w:eastAsia="da-DK"/>
    </w:rPr>
  </w:style>
  <w:style w:type="paragraph" w:customStyle="1" w:styleId="F2E5AE2B59DD4813945B71804BF44501">
    <w:name w:val="F2E5AE2B59DD4813945B71804BF44501"/>
    <w:rsid w:val="00AA3ED2"/>
    <w:pPr>
      <w:spacing w:after="160" w:line="259" w:lineRule="auto"/>
    </w:pPr>
    <w:rPr>
      <w:lang w:val="da-DK" w:eastAsia="da-DK"/>
    </w:rPr>
  </w:style>
  <w:style w:type="paragraph" w:customStyle="1" w:styleId="97122DEA8E0A4D828F836F3DA96C82E9">
    <w:name w:val="97122DEA8E0A4D828F836F3DA96C82E9"/>
    <w:rsid w:val="00AA3ED2"/>
    <w:pPr>
      <w:spacing w:after="160" w:line="259" w:lineRule="auto"/>
    </w:pPr>
    <w:rPr>
      <w:lang w:val="da-DK" w:eastAsia="da-DK"/>
    </w:rPr>
  </w:style>
  <w:style w:type="paragraph" w:customStyle="1" w:styleId="C65A83723E27403694796E74E79EBB6E">
    <w:name w:val="C65A83723E27403694796E74E79EBB6E"/>
    <w:rsid w:val="00AA3ED2"/>
    <w:pPr>
      <w:spacing w:after="160" w:line="259" w:lineRule="auto"/>
    </w:pPr>
    <w:rPr>
      <w:lang w:val="da-DK" w:eastAsia="da-DK"/>
    </w:rPr>
  </w:style>
  <w:style w:type="paragraph" w:customStyle="1" w:styleId="582EFCAB2E4943EDBCA36AF20AB16F1B">
    <w:name w:val="582EFCAB2E4943EDBCA36AF20AB16F1B"/>
    <w:rsid w:val="00AA3ED2"/>
    <w:pPr>
      <w:spacing w:after="160" w:line="259" w:lineRule="auto"/>
    </w:pPr>
    <w:rPr>
      <w:lang w:val="da-DK" w:eastAsia="da-DK"/>
    </w:rPr>
  </w:style>
  <w:style w:type="paragraph" w:customStyle="1" w:styleId="2A98A1AFADF046CBBEA134DCAFEEB774">
    <w:name w:val="2A98A1AFADF046CBBEA134DCAFEEB774"/>
    <w:rsid w:val="00AA3ED2"/>
    <w:pPr>
      <w:spacing w:after="160" w:line="259" w:lineRule="auto"/>
    </w:pPr>
    <w:rPr>
      <w:lang w:val="da-DK" w:eastAsia="da-DK"/>
    </w:rPr>
  </w:style>
  <w:style w:type="paragraph" w:customStyle="1" w:styleId="5DB96097CB8A450EA1B6D626497D6A8B">
    <w:name w:val="5DB96097CB8A450EA1B6D626497D6A8B"/>
    <w:rsid w:val="00AA3ED2"/>
    <w:pPr>
      <w:spacing w:after="160" w:line="259" w:lineRule="auto"/>
    </w:pPr>
    <w:rPr>
      <w:lang w:val="da-DK" w:eastAsia="da-DK"/>
    </w:rPr>
  </w:style>
  <w:style w:type="paragraph" w:customStyle="1" w:styleId="5943DAB213D9420F9A7CD3A3F203860F">
    <w:name w:val="5943DAB213D9420F9A7CD3A3F203860F"/>
    <w:rsid w:val="00AA3ED2"/>
    <w:pPr>
      <w:spacing w:after="160" w:line="259" w:lineRule="auto"/>
    </w:pPr>
    <w:rPr>
      <w:lang w:val="da-DK" w:eastAsia="da-DK"/>
    </w:rPr>
  </w:style>
  <w:style w:type="paragraph" w:customStyle="1" w:styleId="7A65F7A643C04512B1635297C2AD31B1">
    <w:name w:val="7A65F7A643C04512B1635297C2AD31B1"/>
    <w:rsid w:val="00AA3ED2"/>
    <w:pPr>
      <w:spacing w:after="160" w:line="259" w:lineRule="auto"/>
    </w:pPr>
    <w:rPr>
      <w:lang w:val="da-DK" w:eastAsia="da-DK"/>
    </w:rPr>
  </w:style>
  <w:style w:type="paragraph" w:customStyle="1" w:styleId="56904A005E76415DB1F066249A4D73E2">
    <w:name w:val="56904A005E76415DB1F066249A4D73E2"/>
    <w:rsid w:val="00AA3ED2"/>
    <w:pPr>
      <w:spacing w:after="160" w:line="259" w:lineRule="auto"/>
    </w:pPr>
    <w:rPr>
      <w:lang w:val="da-DK" w:eastAsia="da-DK"/>
    </w:rPr>
  </w:style>
  <w:style w:type="paragraph" w:customStyle="1" w:styleId="EB1B93411D60438487C9E0354A500160">
    <w:name w:val="EB1B93411D60438487C9E0354A500160"/>
    <w:rsid w:val="00AA3ED2"/>
    <w:pPr>
      <w:spacing w:after="160" w:line="259" w:lineRule="auto"/>
    </w:pPr>
    <w:rPr>
      <w:lang w:val="da-DK" w:eastAsia="da-DK"/>
    </w:rPr>
  </w:style>
  <w:style w:type="paragraph" w:customStyle="1" w:styleId="4BC542073CB740569D6CD78A47394011">
    <w:name w:val="4BC542073CB740569D6CD78A47394011"/>
    <w:rsid w:val="00AA3ED2"/>
    <w:pPr>
      <w:spacing w:after="160" w:line="259" w:lineRule="auto"/>
    </w:pPr>
    <w:rPr>
      <w:lang w:val="da-DK" w:eastAsia="da-DK"/>
    </w:rPr>
  </w:style>
  <w:style w:type="paragraph" w:customStyle="1" w:styleId="EC26128AEE71480288F0D25D028C6C45">
    <w:name w:val="EC26128AEE71480288F0D25D028C6C45"/>
    <w:rsid w:val="00AA3ED2"/>
    <w:pPr>
      <w:spacing w:after="160" w:line="259" w:lineRule="auto"/>
    </w:pPr>
    <w:rPr>
      <w:lang w:val="da-DK" w:eastAsia="da-DK"/>
    </w:rPr>
  </w:style>
  <w:style w:type="paragraph" w:customStyle="1" w:styleId="C55C08ACFD6747F78CF6BF9C4261CD8A">
    <w:name w:val="C55C08ACFD6747F78CF6BF9C4261CD8A"/>
    <w:rsid w:val="00AA3ED2"/>
    <w:pPr>
      <w:spacing w:after="160" w:line="259" w:lineRule="auto"/>
    </w:pPr>
    <w:rPr>
      <w:lang w:val="da-DK" w:eastAsia="da-DK"/>
    </w:rPr>
  </w:style>
  <w:style w:type="paragraph" w:customStyle="1" w:styleId="1BE42D6A96E248CFA20246749D6D1BEC">
    <w:name w:val="1BE42D6A96E248CFA20246749D6D1BEC"/>
    <w:rsid w:val="00AA3ED2"/>
    <w:pPr>
      <w:spacing w:after="160" w:line="259" w:lineRule="auto"/>
    </w:pPr>
    <w:rPr>
      <w:lang w:val="da-DK" w:eastAsia="da-DK"/>
    </w:rPr>
  </w:style>
  <w:style w:type="paragraph" w:customStyle="1" w:styleId="019C4972CC894134BA61C8DFC2D9A535">
    <w:name w:val="019C4972CC894134BA61C8DFC2D9A535"/>
    <w:rsid w:val="00AA3ED2"/>
    <w:pPr>
      <w:spacing w:after="160" w:line="259" w:lineRule="auto"/>
    </w:pPr>
    <w:rPr>
      <w:lang w:val="da-DK" w:eastAsia="da-DK"/>
    </w:rPr>
  </w:style>
  <w:style w:type="paragraph" w:customStyle="1" w:styleId="B4D73AFADEC54D71B1DC679B5F5B320E">
    <w:name w:val="B4D73AFADEC54D71B1DC679B5F5B320E"/>
    <w:rsid w:val="00AA3ED2"/>
    <w:pPr>
      <w:spacing w:after="160" w:line="259" w:lineRule="auto"/>
    </w:pPr>
    <w:rPr>
      <w:lang w:val="da-DK" w:eastAsia="da-DK"/>
    </w:rPr>
  </w:style>
  <w:style w:type="paragraph" w:customStyle="1" w:styleId="5340791F08774E679E9A3695E80CEAF0">
    <w:name w:val="5340791F08774E679E9A3695E80CEAF0"/>
    <w:rsid w:val="00AA3ED2"/>
    <w:pPr>
      <w:spacing w:after="160" w:line="259" w:lineRule="auto"/>
    </w:pPr>
    <w:rPr>
      <w:lang w:val="da-DK" w:eastAsia="da-DK"/>
    </w:rPr>
  </w:style>
  <w:style w:type="paragraph" w:customStyle="1" w:styleId="A9F71B0CE2694AFD9889E6078C35D444">
    <w:name w:val="A9F71B0CE2694AFD9889E6078C35D444"/>
    <w:rsid w:val="00AA3ED2"/>
    <w:pPr>
      <w:spacing w:after="160" w:line="259" w:lineRule="auto"/>
    </w:pPr>
    <w:rPr>
      <w:lang w:val="da-DK" w:eastAsia="da-DK"/>
    </w:rPr>
  </w:style>
  <w:style w:type="paragraph" w:customStyle="1" w:styleId="3849D409DCD942F6AE6E3C6A973ABD2C">
    <w:name w:val="3849D409DCD942F6AE6E3C6A973ABD2C"/>
    <w:rsid w:val="00AA3ED2"/>
    <w:pPr>
      <w:spacing w:after="160" w:line="259" w:lineRule="auto"/>
    </w:pPr>
    <w:rPr>
      <w:lang w:val="da-DK" w:eastAsia="da-DK"/>
    </w:rPr>
  </w:style>
  <w:style w:type="paragraph" w:customStyle="1" w:styleId="D3EDDE006838458192C3F7302AC6E9C5">
    <w:name w:val="D3EDDE006838458192C3F7302AC6E9C5"/>
    <w:rsid w:val="00AA3ED2"/>
    <w:pPr>
      <w:spacing w:after="160" w:line="259" w:lineRule="auto"/>
    </w:pPr>
    <w:rPr>
      <w:lang w:val="da-DK" w:eastAsia="da-DK"/>
    </w:rPr>
  </w:style>
  <w:style w:type="paragraph" w:customStyle="1" w:styleId="5A7CF2DF7DD44030984232E8869D2BC7">
    <w:name w:val="5A7CF2DF7DD44030984232E8869D2BC7"/>
    <w:rsid w:val="00AA3ED2"/>
    <w:pPr>
      <w:spacing w:after="160" w:line="259" w:lineRule="auto"/>
    </w:pPr>
    <w:rPr>
      <w:lang w:val="da-DK" w:eastAsia="da-DK"/>
    </w:rPr>
  </w:style>
  <w:style w:type="paragraph" w:customStyle="1" w:styleId="CC13F4AD6C5F4BCD883E6E2EE685DD8F">
    <w:name w:val="CC13F4AD6C5F4BCD883E6E2EE685DD8F"/>
    <w:rsid w:val="00AA3ED2"/>
    <w:pPr>
      <w:spacing w:after="160" w:line="259" w:lineRule="auto"/>
    </w:pPr>
    <w:rPr>
      <w:lang w:val="da-DK" w:eastAsia="da-DK"/>
    </w:rPr>
  </w:style>
  <w:style w:type="paragraph" w:customStyle="1" w:styleId="9CC139F402684C62B5899813DA25F904">
    <w:name w:val="9CC139F402684C62B5899813DA25F904"/>
    <w:rsid w:val="00AA3ED2"/>
    <w:pPr>
      <w:spacing w:after="160" w:line="259" w:lineRule="auto"/>
    </w:pPr>
    <w:rPr>
      <w:lang w:val="da-DK" w:eastAsia="da-DK"/>
    </w:rPr>
  </w:style>
  <w:style w:type="paragraph" w:customStyle="1" w:styleId="85C514DA6AA7475AB735E323190B98DF">
    <w:name w:val="85C514DA6AA7475AB735E323190B98DF"/>
    <w:rsid w:val="00AA3ED2"/>
    <w:pPr>
      <w:spacing w:after="160" w:line="259" w:lineRule="auto"/>
    </w:pPr>
    <w:rPr>
      <w:lang w:val="da-DK" w:eastAsia="da-DK"/>
    </w:rPr>
  </w:style>
  <w:style w:type="paragraph" w:customStyle="1" w:styleId="B11D92093FD44D148F17954337C46A00">
    <w:name w:val="B11D92093FD44D148F17954337C46A00"/>
    <w:rsid w:val="00AA3ED2"/>
    <w:pPr>
      <w:spacing w:after="160" w:line="259" w:lineRule="auto"/>
    </w:pPr>
    <w:rPr>
      <w:lang w:val="da-DK" w:eastAsia="da-DK"/>
    </w:rPr>
  </w:style>
  <w:style w:type="paragraph" w:customStyle="1" w:styleId="D89B0C8278174732B3348F4B98031A11">
    <w:name w:val="D89B0C8278174732B3348F4B98031A11"/>
    <w:rsid w:val="00AA3ED2"/>
    <w:pPr>
      <w:spacing w:after="160" w:line="259" w:lineRule="auto"/>
    </w:pPr>
    <w:rPr>
      <w:lang w:val="da-DK" w:eastAsia="da-DK"/>
    </w:rPr>
  </w:style>
  <w:style w:type="paragraph" w:customStyle="1" w:styleId="D6EE30BEE48D4CEB869AE0ED39E518DD">
    <w:name w:val="D6EE30BEE48D4CEB869AE0ED39E518DD"/>
    <w:rsid w:val="00AA3ED2"/>
    <w:pPr>
      <w:spacing w:after="160" w:line="259" w:lineRule="auto"/>
    </w:pPr>
    <w:rPr>
      <w:lang w:val="da-DK" w:eastAsia="da-DK"/>
    </w:rPr>
  </w:style>
  <w:style w:type="paragraph" w:customStyle="1" w:styleId="81A7D8480C0C4660BB5309860FD46CFE">
    <w:name w:val="81A7D8480C0C4660BB5309860FD46CFE"/>
    <w:rsid w:val="00AA3ED2"/>
    <w:pPr>
      <w:spacing w:after="160" w:line="259" w:lineRule="auto"/>
    </w:pPr>
    <w:rPr>
      <w:lang w:val="da-DK" w:eastAsia="da-DK"/>
    </w:rPr>
  </w:style>
  <w:style w:type="paragraph" w:customStyle="1" w:styleId="AC185E4D00444C609CB91F407691EA3F">
    <w:name w:val="AC185E4D00444C609CB91F407691EA3F"/>
    <w:rsid w:val="00AA3ED2"/>
    <w:pPr>
      <w:spacing w:after="160" w:line="259" w:lineRule="auto"/>
    </w:pPr>
    <w:rPr>
      <w:lang w:val="da-DK" w:eastAsia="da-DK"/>
    </w:rPr>
  </w:style>
  <w:style w:type="paragraph" w:customStyle="1" w:styleId="D0353EE14C8943B3AF32EA976BDBC8BD">
    <w:name w:val="D0353EE14C8943B3AF32EA976BDBC8BD"/>
    <w:rsid w:val="00AA3ED2"/>
    <w:pPr>
      <w:spacing w:after="160" w:line="259" w:lineRule="auto"/>
    </w:pPr>
    <w:rPr>
      <w:lang w:val="da-DK" w:eastAsia="da-DK"/>
    </w:rPr>
  </w:style>
  <w:style w:type="paragraph" w:customStyle="1" w:styleId="3A9B623847D14D07B1962A9314DCE94C">
    <w:name w:val="3A9B623847D14D07B1962A9314DCE94C"/>
    <w:rsid w:val="00AA3ED2"/>
    <w:pPr>
      <w:spacing w:after="160" w:line="259" w:lineRule="auto"/>
    </w:pPr>
    <w:rPr>
      <w:lang w:val="da-DK" w:eastAsia="da-DK"/>
    </w:rPr>
  </w:style>
  <w:style w:type="paragraph" w:customStyle="1" w:styleId="655F8CEE939C4EC884C165C4C9B5BCC6">
    <w:name w:val="655F8CEE939C4EC884C165C4C9B5BCC6"/>
    <w:rsid w:val="00AA3ED2"/>
    <w:pPr>
      <w:spacing w:after="160" w:line="259" w:lineRule="auto"/>
    </w:pPr>
    <w:rPr>
      <w:lang w:val="da-DK" w:eastAsia="da-DK"/>
    </w:rPr>
  </w:style>
  <w:style w:type="paragraph" w:customStyle="1" w:styleId="4BEC8C6EE3A145F1AFCD08552A8ADF1B">
    <w:name w:val="4BEC8C6EE3A145F1AFCD08552A8ADF1B"/>
    <w:rsid w:val="00AA3ED2"/>
    <w:pPr>
      <w:spacing w:after="160" w:line="259" w:lineRule="auto"/>
    </w:pPr>
    <w:rPr>
      <w:lang w:val="da-DK" w:eastAsia="da-DK"/>
    </w:rPr>
  </w:style>
  <w:style w:type="paragraph" w:customStyle="1" w:styleId="2A66EFEEB27D408983A4E105E333BC52">
    <w:name w:val="2A66EFEEB27D408983A4E105E333BC52"/>
    <w:rsid w:val="00AA3ED2"/>
    <w:pPr>
      <w:spacing w:after="160" w:line="259" w:lineRule="auto"/>
    </w:pPr>
    <w:rPr>
      <w:lang w:val="da-DK" w:eastAsia="da-DK"/>
    </w:rPr>
  </w:style>
  <w:style w:type="paragraph" w:customStyle="1" w:styleId="6D4024B3AA4A43B9883D75A70D5684AE">
    <w:name w:val="6D4024B3AA4A43B9883D75A70D5684AE"/>
    <w:rsid w:val="00AA3ED2"/>
    <w:pPr>
      <w:spacing w:after="160" w:line="259" w:lineRule="auto"/>
    </w:pPr>
    <w:rPr>
      <w:lang w:val="da-DK" w:eastAsia="da-DK"/>
    </w:rPr>
  </w:style>
  <w:style w:type="paragraph" w:customStyle="1" w:styleId="3C2D53526A6C4F4FAB575771D532C022">
    <w:name w:val="3C2D53526A6C4F4FAB575771D532C022"/>
    <w:rsid w:val="00AA3ED2"/>
    <w:pPr>
      <w:spacing w:after="160" w:line="259" w:lineRule="auto"/>
    </w:pPr>
    <w:rPr>
      <w:lang w:val="da-DK" w:eastAsia="da-DK"/>
    </w:rPr>
  </w:style>
  <w:style w:type="paragraph" w:customStyle="1" w:styleId="2D713FDF862E4DE0ACC6CA823A887DE7">
    <w:name w:val="2D713FDF862E4DE0ACC6CA823A887DE7"/>
    <w:rsid w:val="00AA3ED2"/>
    <w:pPr>
      <w:spacing w:after="160" w:line="259" w:lineRule="auto"/>
    </w:pPr>
    <w:rPr>
      <w:lang w:val="da-DK" w:eastAsia="da-DK"/>
    </w:rPr>
  </w:style>
  <w:style w:type="paragraph" w:customStyle="1" w:styleId="6200680098634FCDB27741DD3D825FF0">
    <w:name w:val="6200680098634FCDB27741DD3D825FF0"/>
    <w:rsid w:val="00AA3ED2"/>
    <w:pPr>
      <w:spacing w:after="160" w:line="259" w:lineRule="auto"/>
    </w:pPr>
    <w:rPr>
      <w:lang w:val="da-DK" w:eastAsia="da-DK"/>
    </w:rPr>
  </w:style>
  <w:style w:type="paragraph" w:customStyle="1" w:styleId="8C860FD1BA944C4FBFDB1B93A992E3DF">
    <w:name w:val="8C860FD1BA944C4FBFDB1B93A992E3DF"/>
    <w:rsid w:val="00AA3ED2"/>
    <w:pPr>
      <w:spacing w:after="160" w:line="259" w:lineRule="auto"/>
    </w:pPr>
    <w:rPr>
      <w:lang w:val="da-DK" w:eastAsia="da-DK"/>
    </w:rPr>
  </w:style>
  <w:style w:type="paragraph" w:customStyle="1" w:styleId="062055C3320E46609978737227BA7769">
    <w:name w:val="062055C3320E46609978737227BA7769"/>
    <w:rsid w:val="00AA3ED2"/>
    <w:pPr>
      <w:spacing w:after="160" w:line="259" w:lineRule="auto"/>
    </w:pPr>
    <w:rPr>
      <w:lang w:val="da-DK" w:eastAsia="da-DK"/>
    </w:rPr>
  </w:style>
  <w:style w:type="paragraph" w:customStyle="1" w:styleId="DDF5E98248684CBA925EBF4262C27ABD">
    <w:name w:val="DDF5E98248684CBA925EBF4262C27ABD"/>
    <w:rsid w:val="00AA3ED2"/>
    <w:pPr>
      <w:spacing w:after="160" w:line="259" w:lineRule="auto"/>
    </w:pPr>
    <w:rPr>
      <w:lang w:val="da-DK" w:eastAsia="da-DK"/>
    </w:rPr>
  </w:style>
  <w:style w:type="paragraph" w:customStyle="1" w:styleId="CCDA388237F14738AD991F3702FE2A4E">
    <w:name w:val="CCDA388237F14738AD991F3702FE2A4E"/>
    <w:rsid w:val="00AA3ED2"/>
    <w:pPr>
      <w:spacing w:after="160" w:line="259" w:lineRule="auto"/>
    </w:pPr>
    <w:rPr>
      <w:lang w:val="da-DK" w:eastAsia="da-DK"/>
    </w:rPr>
  </w:style>
  <w:style w:type="paragraph" w:customStyle="1" w:styleId="9050CB9AF7894672A7CEF5085240851D">
    <w:name w:val="9050CB9AF7894672A7CEF5085240851D"/>
    <w:rsid w:val="00AA3ED2"/>
    <w:pPr>
      <w:spacing w:after="160" w:line="259" w:lineRule="auto"/>
    </w:pPr>
    <w:rPr>
      <w:lang w:val="da-DK" w:eastAsia="da-DK"/>
    </w:rPr>
  </w:style>
  <w:style w:type="paragraph" w:customStyle="1" w:styleId="BBDE27858A834556BE4DED69C7D6BD4B">
    <w:name w:val="BBDE27858A834556BE4DED69C7D6BD4B"/>
    <w:rsid w:val="00AA3ED2"/>
    <w:pPr>
      <w:spacing w:after="160" w:line="259" w:lineRule="auto"/>
    </w:pPr>
    <w:rPr>
      <w:lang w:val="da-DK" w:eastAsia="da-DK"/>
    </w:rPr>
  </w:style>
  <w:style w:type="paragraph" w:customStyle="1" w:styleId="68E197DAA3BC43BF9FD72D50C834DE5F">
    <w:name w:val="68E197DAA3BC43BF9FD72D50C834DE5F"/>
    <w:rsid w:val="00AA3ED2"/>
    <w:pPr>
      <w:spacing w:after="160" w:line="259" w:lineRule="auto"/>
    </w:pPr>
    <w:rPr>
      <w:lang w:val="da-DK" w:eastAsia="da-DK"/>
    </w:rPr>
  </w:style>
  <w:style w:type="paragraph" w:customStyle="1" w:styleId="47977AFB8E694EA3A78251E5334A0428">
    <w:name w:val="47977AFB8E694EA3A78251E5334A0428"/>
    <w:rsid w:val="00AA3ED2"/>
    <w:pPr>
      <w:spacing w:after="160" w:line="259" w:lineRule="auto"/>
    </w:pPr>
    <w:rPr>
      <w:lang w:val="da-DK" w:eastAsia="da-DK"/>
    </w:rPr>
  </w:style>
  <w:style w:type="paragraph" w:customStyle="1" w:styleId="A6B3E10A2C704BFA9F533DD759F6D5C7">
    <w:name w:val="A6B3E10A2C704BFA9F533DD759F6D5C7"/>
    <w:rsid w:val="00AA3ED2"/>
    <w:pPr>
      <w:spacing w:after="160" w:line="259" w:lineRule="auto"/>
    </w:pPr>
    <w:rPr>
      <w:lang w:val="da-DK" w:eastAsia="da-DK"/>
    </w:rPr>
  </w:style>
  <w:style w:type="paragraph" w:customStyle="1" w:styleId="5A2D1606916C4DEEADE6677E0B0983D6">
    <w:name w:val="5A2D1606916C4DEEADE6677E0B0983D6"/>
    <w:rsid w:val="00AA3ED2"/>
    <w:pPr>
      <w:spacing w:after="160" w:line="259" w:lineRule="auto"/>
    </w:pPr>
    <w:rPr>
      <w:lang w:val="da-DK" w:eastAsia="da-DK"/>
    </w:rPr>
  </w:style>
  <w:style w:type="paragraph" w:customStyle="1" w:styleId="179585BA0B044AB892DA9190E5AFB208">
    <w:name w:val="179585BA0B044AB892DA9190E5AFB208"/>
    <w:rsid w:val="00AA3ED2"/>
    <w:pPr>
      <w:spacing w:after="160" w:line="259" w:lineRule="auto"/>
    </w:pPr>
    <w:rPr>
      <w:lang w:val="da-DK" w:eastAsia="da-DK"/>
    </w:rPr>
  </w:style>
  <w:style w:type="paragraph" w:customStyle="1" w:styleId="9663885F78AA4F369BB0B4C17164BB14">
    <w:name w:val="9663885F78AA4F369BB0B4C17164BB14"/>
    <w:rsid w:val="00AA3ED2"/>
    <w:pPr>
      <w:spacing w:after="160" w:line="259" w:lineRule="auto"/>
    </w:pPr>
    <w:rPr>
      <w:lang w:val="da-DK" w:eastAsia="da-DK"/>
    </w:rPr>
  </w:style>
  <w:style w:type="paragraph" w:customStyle="1" w:styleId="2AA625B1C83E4525A9B582B1D99F2DE1">
    <w:name w:val="2AA625B1C83E4525A9B582B1D99F2DE1"/>
    <w:rsid w:val="00AA3ED2"/>
    <w:pPr>
      <w:spacing w:after="160" w:line="259" w:lineRule="auto"/>
    </w:pPr>
    <w:rPr>
      <w:lang w:val="da-DK" w:eastAsia="da-DK"/>
    </w:rPr>
  </w:style>
  <w:style w:type="paragraph" w:customStyle="1" w:styleId="1CCEA5FB20A44C2E81048500AEEA42EE">
    <w:name w:val="1CCEA5FB20A44C2E81048500AEEA42EE"/>
    <w:rsid w:val="00AA3ED2"/>
    <w:pPr>
      <w:spacing w:after="160" w:line="259" w:lineRule="auto"/>
    </w:pPr>
    <w:rPr>
      <w:lang w:val="da-DK" w:eastAsia="da-DK"/>
    </w:rPr>
  </w:style>
  <w:style w:type="paragraph" w:customStyle="1" w:styleId="706D50C32B4F49E6ADA4350DFA403CDD">
    <w:name w:val="706D50C32B4F49E6ADA4350DFA403CDD"/>
    <w:rsid w:val="00AA3ED2"/>
    <w:pPr>
      <w:spacing w:after="160" w:line="259" w:lineRule="auto"/>
    </w:pPr>
    <w:rPr>
      <w:lang w:val="da-DK" w:eastAsia="da-DK"/>
    </w:rPr>
  </w:style>
  <w:style w:type="paragraph" w:customStyle="1" w:styleId="E45CED7D88F745589247CD559288CCE3">
    <w:name w:val="E45CED7D88F745589247CD559288CCE3"/>
    <w:rsid w:val="00AA3ED2"/>
    <w:pPr>
      <w:spacing w:after="160" w:line="259" w:lineRule="auto"/>
    </w:pPr>
    <w:rPr>
      <w:lang w:val="da-DK" w:eastAsia="da-DK"/>
    </w:rPr>
  </w:style>
  <w:style w:type="paragraph" w:customStyle="1" w:styleId="34758C715C084DA3B94D2CA5CEB5E492">
    <w:name w:val="34758C715C084DA3B94D2CA5CEB5E492"/>
    <w:rsid w:val="00AA3ED2"/>
    <w:pPr>
      <w:spacing w:after="160" w:line="259" w:lineRule="auto"/>
    </w:pPr>
    <w:rPr>
      <w:lang w:val="da-DK" w:eastAsia="da-DK"/>
    </w:rPr>
  </w:style>
  <w:style w:type="paragraph" w:customStyle="1" w:styleId="713AE0BCB75B4DBB9944FDC2463078AC">
    <w:name w:val="713AE0BCB75B4DBB9944FDC2463078AC"/>
    <w:rsid w:val="00AA3ED2"/>
    <w:pPr>
      <w:spacing w:after="160" w:line="259" w:lineRule="auto"/>
    </w:pPr>
    <w:rPr>
      <w:lang w:val="da-DK" w:eastAsia="da-DK"/>
    </w:rPr>
  </w:style>
  <w:style w:type="paragraph" w:customStyle="1" w:styleId="15EC6441D3864398A89DB64DAC9E6AE4">
    <w:name w:val="15EC6441D3864398A89DB64DAC9E6AE4"/>
    <w:rsid w:val="00AA3ED2"/>
    <w:pPr>
      <w:spacing w:after="160" w:line="259" w:lineRule="auto"/>
    </w:pPr>
    <w:rPr>
      <w:lang w:val="da-DK" w:eastAsia="da-DK"/>
    </w:rPr>
  </w:style>
  <w:style w:type="paragraph" w:customStyle="1" w:styleId="C0C069A1B4094A9FB83CAD226B1DAB92">
    <w:name w:val="C0C069A1B4094A9FB83CAD226B1DAB92"/>
    <w:rsid w:val="00AA3ED2"/>
    <w:pPr>
      <w:spacing w:after="160" w:line="259" w:lineRule="auto"/>
    </w:pPr>
    <w:rPr>
      <w:lang w:val="da-DK" w:eastAsia="da-DK"/>
    </w:rPr>
  </w:style>
  <w:style w:type="paragraph" w:customStyle="1" w:styleId="FF797561B3534FC597D050264D59832D">
    <w:name w:val="FF797561B3534FC597D050264D59832D"/>
    <w:rsid w:val="00AA3ED2"/>
    <w:pPr>
      <w:spacing w:after="160" w:line="259" w:lineRule="auto"/>
    </w:pPr>
    <w:rPr>
      <w:lang w:val="da-DK" w:eastAsia="da-DK"/>
    </w:rPr>
  </w:style>
  <w:style w:type="paragraph" w:customStyle="1" w:styleId="D9D6D80D46EB4F1482DD222EE2D7F7B2">
    <w:name w:val="D9D6D80D46EB4F1482DD222EE2D7F7B2"/>
    <w:rsid w:val="00AA3ED2"/>
    <w:pPr>
      <w:spacing w:after="160" w:line="259" w:lineRule="auto"/>
    </w:pPr>
    <w:rPr>
      <w:lang w:val="da-DK" w:eastAsia="da-DK"/>
    </w:rPr>
  </w:style>
  <w:style w:type="paragraph" w:customStyle="1" w:styleId="6C3AED6AF0824585BBEF458835988D3B">
    <w:name w:val="6C3AED6AF0824585BBEF458835988D3B"/>
    <w:rsid w:val="00AA3ED2"/>
    <w:pPr>
      <w:spacing w:after="160" w:line="259" w:lineRule="auto"/>
    </w:pPr>
    <w:rPr>
      <w:lang w:val="da-DK" w:eastAsia="da-DK"/>
    </w:rPr>
  </w:style>
  <w:style w:type="paragraph" w:customStyle="1" w:styleId="86F0236F7B2B4778B98CA66E16D1DE76">
    <w:name w:val="86F0236F7B2B4778B98CA66E16D1DE76"/>
    <w:rsid w:val="00AA3ED2"/>
    <w:pPr>
      <w:spacing w:after="160" w:line="259" w:lineRule="auto"/>
    </w:pPr>
    <w:rPr>
      <w:lang w:val="da-DK" w:eastAsia="da-DK"/>
    </w:rPr>
  </w:style>
  <w:style w:type="paragraph" w:customStyle="1" w:styleId="0519CFB7E92E468F92EBEBE0ECA67AEC">
    <w:name w:val="0519CFB7E92E468F92EBEBE0ECA67AEC"/>
    <w:rsid w:val="00AA3ED2"/>
    <w:pPr>
      <w:spacing w:after="160" w:line="259" w:lineRule="auto"/>
    </w:pPr>
    <w:rPr>
      <w:lang w:val="da-DK" w:eastAsia="da-DK"/>
    </w:rPr>
  </w:style>
  <w:style w:type="paragraph" w:customStyle="1" w:styleId="611A4691AE9640FFB17B50E40B33C05E">
    <w:name w:val="611A4691AE9640FFB17B50E40B33C05E"/>
    <w:rsid w:val="00AA3ED2"/>
    <w:pPr>
      <w:spacing w:after="160" w:line="259" w:lineRule="auto"/>
    </w:pPr>
    <w:rPr>
      <w:lang w:val="da-DK" w:eastAsia="da-DK"/>
    </w:rPr>
  </w:style>
  <w:style w:type="paragraph" w:customStyle="1" w:styleId="78A1FC8B58624ADB90212CC3D1EA54F0">
    <w:name w:val="78A1FC8B58624ADB90212CC3D1EA54F0"/>
    <w:rsid w:val="00AA3ED2"/>
    <w:pPr>
      <w:spacing w:after="160" w:line="259" w:lineRule="auto"/>
    </w:pPr>
    <w:rPr>
      <w:lang w:val="da-DK" w:eastAsia="da-DK"/>
    </w:rPr>
  </w:style>
  <w:style w:type="paragraph" w:customStyle="1" w:styleId="AC8ECF7C06FA42839A2DF6325E48E0DF">
    <w:name w:val="AC8ECF7C06FA42839A2DF6325E48E0DF"/>
    <w:rsid w:val="00AA3ED2"/>
    <w:pPr>
      <w:spacing w:after="160" w:line="259" w:lineRule="auto"/>
    </w:pPr>
    <w:rPr>
      <w:lang w:val="da-DK" w:eastAsia="da-DK"/>
    </w:rPr>
  </w:style>
  <w:style w:type="paragraph" w:customStyle="1" w:styleId="7675E1B4F15C4D1B96DD733CFA1E20AE">
    <w:name w:val="7675E1B4F15C4D1B96DD733CFA1E20AE"/>
    <w:rsid w:val="00AA3ED2"/>
    <w:pPr>
      <w:spacing w:after="160" w:line="259" w:lineRule="auto"/>
    </w:pPr>
    <w:rPr>
      <w:lang w:val="da-DK" w:eastAsia="da-DK"/>
    </w:rPr>
  </w:style>
  <w:style w:type="paragraph" w:customStyle="1" w:styleId="622580308A78494A9F75FEEFC178A62F">
    <w:name w:val="622580308A78494A9F75FEEFC178A62F"/>
    <w:rsid w:val="00AA3ED2"/>
    <w:pPr>
      <w:spacing w:after="160" w:line="259" w:lineRule="auto"/>
    </w:pPr>
    <w:rPr>
      <w:lang w:val="da-DK" w:eastAsia="da-DK"/>
    </w:rPr>
  </w:style>
  <w:style w:type="paragraph" w:customStyle="1" w:styleId="3F18CFC58A51488FAE9DDE9326132E2A">
    <w:name w:val="3F18CFC58A51488FAE9DDE9326132E2A"/>
    <w:rsid w:val="00AA3ED2"/>
    <w:pPr>
      <w:spacing w:after="160" w:line="259" w:lineRule="auto"/>
    </w:pPr>
    <w:rPr>
      <w:lang w:val="da-DK" w:eastAsia="da-DK"/>
    </w:rPr>
  </w:style>
  <w:style w:type="paragraph" w:customStyle="1" w:styleId="F2E5AE2B59DD4813945B71804BF445011">
    <w:name w:val="F2E5AE2B59DD4813945B71804BF445011"/>
    <w:rsid w:val="007F3876"/>
    <w:pPr>
      <w:spacing w:before="240" w:after="0" w:line="260" w:lineRule="atLeast"/>
      <w:jc w:val="both"/>
    </w:pPr>
    <w:rPr>
      <w:rFonts w:ascii="Times New Roman" w:eastAsiaTheme="minorHAnsi" w:hAnsi="Times New Roman" w:cs="Times New Roman"/>
      <w:lang w:eastAsia="en-US"/>
    </w:rPr>
  </w:style>
  <w:style w:type="paragraph" w:customStyle="1" w:styleId="F2E5AE2B59DD4813945B71804BF445012">
    <w:name w:val="F2E5AE2B59DD4813945B71804BF445012"/>
    <w:rsid w:val="00F224C9"/>
    <w:pPr>
      <w:spacing w:before="240" w:after="0" w:line="260" w:lineRule="atLeast"/>
      <w:jc w:val="both"/>
    </w:pPr>
    <w:rPr>
      <w:rFonts w:ascii="Times New Roman" w:eastAsiaTheme="minorHAnsi" w:hAnsi="Times New Roman" w:cs="Times New Roman"/>
      <w:lang w:eastAsia="en-US"/>
    </w:rPr>
  </w:style>
  <w:style w:type="paragraph" w:customStyle="1" w:styleId="DD0C6D66EB734B67BD58EFD8704ED415">
    <w:name w:val="DD0C6D66EB734B67BD58EFD8704ED415"/>
    <w:rsid w:val="00F224C9"/>
    <w:pPr>
      <w:spacing w:after="160" w:line="259" w:lineRule="auto"/>
    </w:pPr>
    <w:rPr>
      <w:lang w:val="x-none" w:eastAsia="x-none"/>
    </w:rPr>
  </w:style>
  <w:style w:type="paragraph" w:customStyle="1" w:styleId="814C74EECC4743C09C2E213C3DCD2526">
    <w:name w:val="814C74EECC4743C09C2E213C3DCD2526"/>
    <w:rsid w:val="00F224C9"/>
    <w:pPr>
      <w:spacing w:after="160" w:line="259" w:lineRule="auto"/>
    </w:pPr>
    <w:rPr>
      <w:lang w:val="x-none" w:eastAsia="x-none"/>
    </w:rPr>
  </w:style>
  <w:style w:type="paragraph" w:customStyle="1" w:styleId="70AAA2A47AB54B09A850474478540181">
    <w:name w:val="70AAA2A47AB54B09A850474478540181"/>
    <w:rsid w:val="00B3047F"/>
    <w:pPr>
      <w:spacing w:after="160" w:line="259" w:lineRule="auto"/>
    </w:pPr>
    <w:rPr>
      <w:lang w:val="x-none" w:eastAsia="x-none"/>
    </w:rPr>
  </w:style>
  <w:style w:type="paragraph" w:customStyle="1" w:styleId="E61A9408415B4F4688D443BA2061F99A">
    <w:name w:val="E61A9408415B4F4688D443BA2061F99A"/>
    <w:rsid w:val="00B3047F"/>
    <w:pPr>
      <w:spacing w:after="160" w:line="259" w:lineRule="auto"/>
    </w:pPr>
    <w:rPr>
      <w:lang w:val="x-none" w:eastAsia="x-none"/>
    </w:rPr>
  </w:style>
  <w:style w:type="paragraph" w:customStyle="1" w:styleId="FCD2575FF041467FBB84E8C8297D2255">
    <w:name w:val="FCD2575FF041467FBB84E8C8297D2255"/>
    <w:rsid w:val="00CA6DEA"/>
    <w:pPr>
      <w:spacing w:after="160" w:line="259" w:lineRule="auto"/>
    </w:pPr>
    <w:rPr>
      <w:lang w:val="x-none" w:eastAsia="x-none"/>
    </w:rPr>
  </w:style>
  <w:style w:type="paragraph" w:customStyle="1" w:styleId="4D7006666E9C4FA0B7D3FE999FE11D6A">
    <w:name w:val="4D7006666E9C4FA0B7D3FE999FE11D6A"/>
    <w:rsid w:val="00CA6DEA"/>
    <w:pPr>
      <w:spacing w:after="160" w:line="259" w:lineRule="auto"/>
    </w:pPr>
    <w:rPr>
      <w:lang w:val="x-none" w:eastAsia="x-none"/>
    </w:rPr>
  </w:style>
  <w:style w:type="paragraph" w:customStyle="1" w:styleId="E5D376A5049E464CB23B06EE5AD9AC54">
    <w:name w:val="E5D376A5049E464CB23B06EE5AD9AC54"/>
    <w:rsid w:val="00B24E43"/>
    <w:pPr>
      <w:spacing w:after="160" w:line="259" w:lineRule="auto"/>
    </w:pPr>
  </w:style>
  <w:style w:type="paragraph" w:customStyle="1" w:styleId="E7AA62EF2409477C911996E4E57B47BA">
    <w:name w:val="E7AA62EF2409477C911996E4E57B47BA"/>
    <w:rsid w:val="00B81086"/>
    <w:pPr>
      <w:spacing w:after="160" w:line="259" w:lineRule="auto"/>
    </w:pPr>
    <w:rPr>
      <w:lang w:val="x-none" w:eastAsia="x-none"/>
    </w:rPr>
  </w:style>
  <w:style w:type="paragraph" w:customStyle="1" w:styleId="B62B1E2589E74148A624C0EF7EC80C40">
    <w:name w:val="B62B1E2589E74148A624C0EF7EC80C40"/>
    <w:rsid w:val="00B81086"/>
    <w:pPr>
      <w:spacing w:after="160" w:line="259" w:lineRule="auto"/>
    </w:pPr>
    <w:rPr>
      <w:lang w:val="x-none" w:eastAsia="x-none"/>
    </w:rPr>
  </w:style>
  <w:style w:type="paragraph" w:customStyle="1" w:styleId="22DC0FC03FAC4724AD17B1D648D9A293">
    <w:name w:val="22DC0FC03FAC4724AD17B1D648D9A293"/>
    <w:rsid w:val="00B81086"/>
    <w:pPr>
      <w:spacing w:after="160" w:line="259" w:lineRule="auto"/>
    </w:pPr>
    <w:rPr>
      <w:lang w:val="x-none" w:eastAsia="x-none"/>
    </w:rPr>
  </w:style>
  <w:style w:type="paragraph" w:customStyle="1" w:styleId="D548B7C2D49C40DCA3BCE0F96EA32171">
    <w:name w:val="D548B7C2D49C40DCA3BCE0F96EA32171"/>
    <w:rsid w:val="00B81086"/>
    <w:pPr>
      <w:spacing w:after="160" w:line="259" w:lineRule="auto"/>
    </w:pPr>
    <w:rPr>
      <w:lang w:val="x-none" w:eastAsia="x-none"/>
    </w:rPr>
  </w:style>
  <w:style w:type="paragraph" w:customStyle="1" w:styleId="57090237BC92442DA1949CF562D665D1">
    <w:name w:val="57090237BC92442DA1949CF562D665D1"/>
    <w:rsid w:val="00B81086"/>
    <w:pPr>
      <w:spacing w:after="160" w:line="259" w:lineRule="auto"/>
    </w:pPr>
    <w:rPr>
      <w:lang w:val="x-none" w:eastAsia="x-none"/>
    </w:rPr>
  </w:style>
  <w:style w:type="paragraph" w:customStyle="1" w:styleId="7EDFFF19739C460491DCCBF8D992D419">
    <w:name w:val="7EDFFF19739C460491DCCBF8D992D419"/>
    <w:rsid w:val="00B81086"/>
    <w:pPr>
      <w:spacing w:after="160" w:line="259" w:lineRule="auto"/>
    </w:pPr>
    <w:rPr>
      <w:lang w:val="x-none" w:eastAsia="x-none"/>
    </w:rPr>
  </w:style>
  <w:style w:type="paragraph" w:customStyle="1" w:styleId="8D229AEF4F4544D59263094079C05AB9">
    <w:name w:val="8D229AEF4F4544D59263094079C05AB9"/>
    <w:rsid w:val="00B81086"/>
    <w:pPr>
      <w:spacing w:after="160" w:line="259" w:lineRule="auto"/>
    </w:pPr>
    <w:rPr>
      <w:lang w:val="x-none" w:eastAsia="x-none"/>
    </w:rPr>
  </w:style>
  <w:style w:type="paragraph" w:customStyle="1" w:styleId="3AC80FC7EC24448CBAD7714E14FA9A99">
    <w:name w:val="3AC80FC7EC24448CBAD7714E14FA9A99"/>
    <w:rsid w:val="00B81086"/>
    <w:pPr>
      <w:spacing w:after="160" w:line="259" w:lineRule="auto"/>
    </w:pPr>
    <w:rPr>
      <w:lang w:val="x-none" w:eastAsia="x-none"/>
    </w:rPr>
  </w:style>
  <w:style w:type="paragraph" w:customStyle="1" w:styleId="B9DE4A9CBC2F4D13B0422FE6BE39CB56">
    <w:name w:val="B9DE4A9CBC2F4D13B0422FE6BE39CB56"/>
    <w:rsid w:val="00B81086"/>
    <w:pPr>
      <w:spacing w:after="160" w:line="259" w:lineRule="auto"/>
    </w:pPr>
    <w:rPr>
      <w:lang w:val="x-none" w:eastAsia="x-none"/>
    </w:rPr>
  </w:style>
  <w:style w:type="paragraph" w:customStyle="1" w:styleId="3B4979D8B1A34F26B14062F1E5B68FC6">
    <w:name w:val="3B4979D8B1A34F26B14062F1E5B68FC6"/>
    <w:rsid w:val="00B81086"/>
    <w:pPr>
      <w:spacing w:after="160" w:line="259" w:lineRule="auto"/>
    </w:pPr>
    <w:rPr>
      <w:lang w:val="x-none" w:eastAsia="x-none"/>
    </w:rPr>
  </w:style>
  <w:style w:type="paragraph" w:customStyle="1" w:styleId="E84B4ADF83F04233A8C6B3D3E3B64A74">
    <w:name w:val="E84B4ADF83F04233A8C6B3D3E3B64A74"/>
    <w:rsid w:val="00B81086"/>
    <w:pPr>
      <w:spacing w:after="160" w:line="259" w:lineRule="auto"/>
    </w:pPr>
    <w:rPr>
      <w:lang w:val="x-none" w:eastAsia="x-none"/>
    </w:rPr>
  </w:style>
  <w:style w:type="paragraph" w:customStyle="1" w:styleId="408DB4114CC340849D13D1302743D41B">
    <w:name w:val="408DB4114CC340849D13D1302743D41B"/>
    <w:rsid w:val="00B81086"/>
    <w:pPr>
      <w:spacing w:after="160" w:line="259" w:lineRule="auto"/>
    </w:pPr>
    <w:rPr>
      <w:lang w:val="x-none" w:eastAsia="x-none"/>
    </w:rPr>
  </w:style>
  <w:style w:type="paragraph" w:customStyle="1" w:styleId="694956E622884BA48A9DE4FDBB5687EE">
    <w:name w:val="694956E622884BA48A9DE4FDBB5687EE"/>
    <w:rsid w:val="006B060D"/>
    <w:pPr>
      <w:spacing w:after="160" w:line="259" w:lineRule="auto"/>
    </w:pPr>
    <w:rPr>
      <w:lang w:val="x-none" w:eastAsia="x-none"/>
    </w:rPr>
  </w:style>
  <w:style w:type="paragraph" w:customStyle="1" w:styleId="CE26379AD6714A509F448CD6A9A3C212">
    <w:name w:val="CE26379AD6714A509F448CD6A9A3C212"/>
    <w:rsid w:val="00C409F6"/>
    <w:pPr>
      <w:spacing w:after="160" w:line="259" w:lineRule="auto"/>
    </w:pPr>
    <w:rPr>
      <w:lang w:val="x-none" w:eastAsia="x-none"/>
    </w:rPr>
  </w:style>
  <w:style w:type="paragraph" w:customStyle="1" w:styleId="C5D012D3D30B4AC3BA4558B28D2A56D6">
    <w:name w:val="C5D012D3D30B4AC3BA4558B28D2A56D6"/>
    <w:rsid w:val="00C409F6"/>
    <w:pPr>
      <w:spacing w:after="160" w:line="259" w:lineRule="auto"/>
    </w:pPr>
    <w:rPr>
      <w:lang w:val="x-none" w:eastAsia="x-none"/>
    </w:rPr>
  </w:style>
  <w:style w:type="paragraph" w:customStyle="1" w:styleId="CE26379AD6714A509F448CD6A9A3C2121">
    <w:name w:val="CE26379AD6714A509F448CD6A9A3C2121"/>
    <w:rsid w:val="00ED3A7F"/>
    <w:pPr>
      <w:tabs>
        <w:tab w:val="left" w:pos="1418"/>
      </w:tabs>
      <w:spacing w:after="0" w:line="160" w:lineRule="atLeast"/>
      <w:jc w:val="both"/>
    </w:pPr>
    <w:rPr>
      <w:rFonts w:ascii="Arial" w:eastAsiaTheme="minorHAnsi" w:hAnsi="Arial" w:cs="Arial"/>
      <w:noProof/>
      <w:sz w:val="12"/>
      <w:lang w:eastAsia="en-US"/>
    </w:rPr>
  </w:style>
  <w:style w:type="paragraph" w:customStyle="1" w:styleId="83680FEE46644F3086913E10E001C4BB">
    <w:name w:val="83680FEE46644F3086913E10E001C4BB"/>
    <w:rsid w:val="00ED3A7F"/>
    <w:pPr>
      <w:spacing w:after="160" w:line="259" w:lineRule="auto"/>
    </w:pPr>
    <w:rPr>
      <w:lang w:val="x-none" w:eastAsia="x-none"/>
    </w:rPr>
  </w:style>
  <w:style w:type="paragraph" w:customStyle="1" w:styleId="83680FEE46644F3086913E10E001C4BB1">
    <w:name w:val="83680FEE46644F3086913E10E001C4BB1"/>
    <w:rsid w:val="009B20E7"/>
    <w:pPr>
      <w:tabs>
        <w:tab w:val="left" w:pos="1418"/>
      </w:tabs>
      <w:spacing w:after="0" w:line="160" w:lineRule="atLeast"/>
      <w:jc w:val="both"/>
    </w:pPr>
    <w:rPr>
      <w:rFonts w:ascii="Arial" w:eastAsiaTheme="minorHAnsi" w:hAnsi="Arial" w:cs="Arial"/>
      <w:noProof/>
      <w:sz w:val="12"/>
      <w:lang w:eastAsia="en-US"/>
    </w:rPr>
  </w:style>
  <w:style w:type="paragraph" w:customStyle="1" w:styleId="83680FEE46644F3086913E10E001C4BB2">
    <w:name w:val="83680FEE46644F3086913E10E001C4BB2"/>
    <w:rsid w:val="000F631E"/>
    <w:pPr>
      <w:tabs>
        <w:tab w:val="left" w:pos="1418"/>
      </w:tabs>
      <w:spacing w:after="0" w:line="160" w:lineRule="atLeast"/>
      <w:jc w:val="both"/>
    </w:pPr>
    <w:rPr>
      <w:rFonts w:ascii="Arial" w:eastAsiaTheme="minorHAnsi" w:hAnsi="Arial" w:cs="Arial"/>
      <w:noProof/>
      <w:sz w:val="12"/>
      <w:lang w:eastAsia="en-US"/>
    </w:rPr>
  </w:style>
  <w:style w:type="paragraph" w:customStyle="1" w:styleId="50896287F25B42B2924EE734D4271840">
    <w:name w:val="50896287F25B42B2924EE734D4271840"/>
    <w:rsid w:val="00166EDF"/>
    <w:pPr>
      <w:spacing w:after="160" w:line="259" w:lineRule="auto"/>
    </w:pPr>
    <w:rPr>
      <w:lang w:val="x-none" w:eastAsia="x-none"/>
    </w:rPr>
  </w:style>
  <w:style w:type="paragraph" w:customStyle="1" w:styleId="CAB07B98987C4A8CB83DD3D2FFCAF46F">
    <w:name w:val="CAB07B98987C4A8CB83DD3D2FFCAF46F"/>
    <w:rsid w:val="00270E3B"/>
    <w:pPr>
      <w:spacing w:after="0" w:line="260" w:lineRule="atLeast"/>
    </w:pPr>
    <w:rPr>
      <w:rFonts w:ascii="Times New Roman" w:eastAsiaTheme="minorHAnsi" w:hAnsi="Times New Roman" w:cs="Times New Roman"/>
      <w:b/>
      <w:lang w:eastAsia="en-US"/>
    </w:rPr>
  </w:style>
  <w:style w:type="paragraph" w:customStyle="1" w:styleId="887A3B8759424BA9BE978003A18AB8A9">
    <w:name w:val="887A3B8759424BA9BE978003A18AB8A9"/>
    <w:rsid w:val="00270E3B"/>
    <w:pPr>
      <w:spacing w:after="0" w:line="260" w:lineRule="atLeast"/>
    </w:pPr>
    <w:rPr>
      <w:rFonts w:ascii="Times New Roman" w:eastAsiaTheme="minorHAnsi" w:hAnsi="Times New Roman" w:cs="Times New Roman"/>
      <w:lang w:eastAsia="en-US"/>
    </w:rPr>
  </w:style>
  <w:style w:type="paragraph" w:customStyle="1" w:styleId="A9E110A99D0647D79EF4D48AEF619270">
    <w:name w:val="A9E110A99D0647D79EF4D48AEF619270"/>
    <w:rsid w:val="00270E3B"/>
    <w:pPr>
      <w:spacing w:after="0" w:line="260" w:lineRule="atLeast"/>
    </w:pPr>
    <w:rPr>
      <w:rFonts w:ascii="Times New Roman" w:eastAsiaTheme="minorHAnsi" w:hAnsi="Times New Roman" w:cs="Times New Roman"/>
      <w:b/>
      <w:lang w:eastAsia="en-US"/>
    </w:rPr>
  </w:style>
  <w:style w:type="paragraph" w:customStyle="1" w:styleId="C0D3286822C54522B2184A6C20872291">
    <w:name w:val="C0D3286822C54522B2184A6C20872291"/>
    <w:rsid w:val="00270E3B"/>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
    <w:name w:val="12D211773D5C43AA9E4DDC2889416345"/>
    <w:rsid w:val="00270E3B"/>
    <w:pPr>
      <w:spacing w:after="0" w:line="260" w:lineRule="atLeast"/>
    </w:pPr>
    <w:rPr>
      <w:rFonts w:ascii="Times New Roman" w:eastAsiaTheme="minorHAnsi" w:hAnsi="Times New Roman" w:cs="Times New Roman"/>
      <w:b/>
      <w:lang w:eastAsia="en-US"/>
    </w:rPr>
  </w:style>
  <w:style w:type="paragraph" w:customStyle="1" w:styleId="6AA943E43CAD4FF7A7C546749151EB2F">
    <w:name w:val="6AA943E43CAD4FF7A7C546749151EB2F"/>
    <w:rsid w:val="00270E3B"/>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
    <w:name w:val="FA7DBC5E05B040B6B3934A1FDF1C950C"/>
    <w:rsid w:val="00270E3B"/>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1">
    <w:name w:val="CAB07B98987C4A8CB83DD3D2FFCAF46F1"/>
    <w:rsid w:val="008E7539"/>
    <w:pPr>
      <w:spacing w:after="0" w:line="260" w:lineRule="atLeast"/>
    </w:pPr>
    <w:rPr>
      <w:rFonts w:ascii="Times New Roman" w:eastAsiaTheme="minorHAnsi" w:hAnsi="Times New Roman" w:cs="Times New Roman"/>
      <w:b/>
      <w:lang w:eastAsia="en-US"/>
    </w:rPr>
  </w:style>
  <w:style w:type="paragraph" w:customStyle="1" w:styleId="887A3B8759424BA9BE978003A18AB8A91">
    <w:name w:val="887A3B8759424BA9BE978003A18AB8A91"/>
    <w:rsid w:val="008E7539"/>
    <w:pPr>
      <w:spacing w:after="0" w:line="260" w:lineRule="atLeast"/>
    </w:pPr>
    <w:rPr>
      <w:rFonts w:ascii="Times New Roman" w:eastAsiaTheme="minorHAnsi" w:hAnsi="Times New Roman" w:cs="Times New Roman"/>
      <w:lang w:eastAsia="en-US"/>
    </w:rPr>
  </w:style>
  <w:style w:type="paragraph" w:customStyle="1" w:styleId="A9E110A99D0647D79EF4D48AEF6192701">
    <w:name w:val="A9E110A99D0647D79EF4D48AEF6192701"/>
    <w:rsid w:val="008E7539"/>
    <w:pPr>
      <w:spacing w:after="0" w:line="260" w:lineRule="atLeast"/>
    </w:pPr>
    <w:rPr>
      <w:rFonts w:ascii="Times New Roman" w:eastAsiaTheme="minorHAnsi" w:hAnsi="Times New Roman" w:cs="Times New Roman"/>
      <w:b/>
      <w:lang w:eastAsia="en-US"/>
    </w:rPr>
  </w:style>
  <w:style w:type="paragraph" w:customStyle="1" w:styleId="C0D3286822C54522B2184A6C208722911">
    <w:name w:val="C0D3286822C54522B2184A6C208722911"/>
    <w:rsid w:val="008E7539"/>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1">
    <w:name w:val="12D211773D5C43AA9E4DDC28894163451"/>
    <w:rsid w:val="008E7539"/>
    <w:pPr>
      <w:spacing w:after="0" w:line="260" w:lineRule="atLeast"/>
    </w:pPr>
    <w:rPr>
      <w:rFonts w:ascii="Times New Roman" w:eastAsiaTheme="minorHAnsi" w:hAnsi="Times New Roman" w:cs="Times New Roman"/>
      <w:b/>
      <w:lang w:eastAsia="en-US"/>
    </w:rPr>
  </w:style>
  <w:style w:type="paragraph" w:customStyle="1" w:styleId="6AA943E43CAD4FF7A7C546749151EB2F1">
    <w:name w:val="6AA943E43CAD4FF7A7C546749151EB2F1"/>
    <w:rsid w:val="008E7539"/>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1">
    <w:name w:val="FA7DBC5E05B040B6B3934A1FDF1C950C1"/>
    <w:rsid w:val="008E7539"/>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2">
    <w:name w:val="CAB07B98987C4A8CB83DD3D2FFCAF46F2"/>
    <w:rsid w:val="00F94F1E"/>
    <w:pPr>
      <w:spacing w:after="0" w:line="260" w:lineRule="atLeast"/>
    </w:pPr>
    <w:rPr>
      <w:rFonts w:ascii="Times New Roman" w:eastAsiaTheme="minorHAnsi" w:hAnsi="Times New Roman" w:cs="Times New Roman"/>
      <w:b/>
      <w:lang w:eastAsia="en-US"/>
    </w:rPr>
  </w:style>
  <w:style w:type="paragraph" w:customStyle="1" w:styleId="887A3B8759424BA9BE978003A18AB8A92">
    <w:name w:val="887A3B8759424BA9BE978003A18AB8A92"/>
    <w:rsid w:val="00F94F1E"/>
    <w:pPr>
      <w:spacing w:after="0" w:line="260" w:lineRule="atLeast"/>
    </w:pPr>
    <w:rPr>
      <w:rFonts w:ascii="Times New Roman" w:eastAsiaTheme="minorHAnsi" w:hAnsi="Times New Roman" w:cs="Times New Roman"/>
      <w:lang w:eastAsia="en-US"/>
    </w:rPr>
  </w:style>
  <w:style w:type="paragraph" w:customStyle="1" w:styleId="A9E110A99D0647D79EF4D48AEF6192702">
    <w:name w:val="A9E110A99D0647D79EF4D48AEF6192702"/>
    <w:rsid w:val="00F94F1E"/>
    <w:pPr>
      <w:spacing w:after="0" w:line="260" w:lineRule="atLeast"/>
    </w:pPr>
    <w:rPr>
      <w:rFonts w:ascii="Times New Roman" w:eastAsiaTheme="minorHAnsi" w:hAnsi="Times New Roman" w:cs="Times New Roman"/>
      <w:b/>
      <w:lang w:eastAsia="en-US"/>
    </w:rPr>
  </w:style>
  <w:style w:type="paragraph" w:customStyle="1" w:styleId="C0D3286822C54522B2184A6C208722912">
    <w:name w:val="C0D3286822C54522B2184A6C208722912"/>
    <w:rsid w:val="00F94F1E"/>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2">
    <w:name w:val="12D211773D5C43AA9E4DDC28894163452"/>
    <w:rsid w:val="00F94F1E"/>
    <w:pPr>
      <w:spacing w:after="0" w:line="260" w:lineRule="atLeast"/>
    </w:pPr>
    <w:rPr>
      <w:rFonts w:ascii="Times New Roman" w:eastAsiaTheme="minorHAnsi" w:hAnsi="Times New Roman" w:cs="Times New Roman"/>
      <w:b/>
      <w:lang w:eastAsia="en-US"/>
    </w:rPr>
  </w:style>
  <w:style w:type="paragraph" w:customStyle="1" w:styleId="6AA943E43CAD4FF7A7C546749151EB2F2">
    <w:name w:val="6AA943E43CAD4FF7A7C546749151EB2F2"/>
    <w:rsid w:val="00F94F1E"/>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2">
    <w:name w:val="FA7DBC5E05B040B6B3934A1FDF1C950C2"/>
    <w:rsid w:val="00F94F1E"/>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3">
    <w:name w:val="CAB07B98987C4A8CB83DD3D2FFCAF46F3"/>
    <w:rsid w:val="0090021C"/>
    <w:pPr>
      <w:spacing w:after="0" w:line="260" w:lineRule="atLeast"/>
    </w:pPr>
    <w:rPr>
      <w:rFonts w:ascii="Times New Roman" w:eastAsiaTheme="minorHAnsi" w:hAnsi="Times New Roman" w:cs="Times New Roman"/>
      <w:b/>
      <w:lang w:eastAsia="en-US"/>
    </w:rPr>
  </w:style>
  <w:style w:type="paragraph" w:customStyle="1" w:styleId="887A3B8759424BA9BE978003A18AB8A93">
    <w:name w:val="887A3B8759424BA9BE978003A18AB8A93"/>
    <w:rsid w:val="0090021C"/>
    <w:pPr>
      <w:spacing w:after="0" w:line="260" w:lineRule="atLeast"/>
    </w:pPr>
    <w:rPr>
      <w:rFonts w:ascii="Times New Roman" w:eastAsiaTheme="minorHAnsi" w:hAnsi="Times New Roman" w:cs="Times New Roman"/>
      <w:lang w:eastAsia="en-US"/>
    </w:rPr>
  </w:style>
  <w:style w:type="paragraph" w:customStyle="1" w:styleId="A9E110A99D0647D79EF4D48AEF6192703">
    <w:name w:val="A9E110A99D0647D79EF4D48AEF6192703"/>
    <w:rsid w:val="0090021C"/>
    <w:pPr>
      <w:spacing w:after="0" w:line="260" w:lineRule="atLeast"/>
    </w:pPr>
    <w:rPr>
      <w:rFonts w:ascii="Times New Roman" w:eastAsiaTheme="minorHAnsi" w:hAnsi="Times New Roman" w:cs="Times New Roman"/>
      <w:b/>
      <w:lang w:eastAsia="en-US"/>
    </w:rPr>
  </w:style>
  <w:style w:type="paragraph" w:customStyle="1" w:styleId="C0D3286822C54522B2184A6C208722913">
    <w:name w:val="C0D3286822C54522B2184A6C208722913"/>
    <w:rsid w:val="0090021C"/>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3">
    <w:name w:val="12D211773D5C43AA9E4DDC28894163453"/>
    <w:rsid w:val="0090021C"/>
    <w:pPr>
      <w:spacing w:after="0" w:line="260" w:lineRule="atLeast"/>
    </w:pPr>
    <w:rPr>
      <w:rFonts w:ascii="Times New Roman" w:eastAsiaTheme="minorHAnsi" w:hAnsi="Times New Roman" w:cs="Times New Roman"/>
      <w:b/>
      <w:lang w:eastAsia="en-US"/>
    </w:rPr>
  </w:style>
  <w:style w:type="paragraph" w:customStyle="1" w:styleId="6AA943E43CAD4FF7A7C546749151EB2F3">
    <w:name w:val="6AA943E43CAD4FF7A7C546749151EB2F3"/>
    <w:rsid w:val="0090021C"/>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3">
    <w:name w:val="FA7DBC5E05B040B6B3934A1FDF1C950C3"/>
    <w:rsid w:val="0090021C"/>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4">
    <w:name w:val="CAB07B98987C4A8CB83DD3D2FFCAF46F4"/>
    <w:rsid w:val="002C2251"/>
    <w:pPr>
      <w:spacing w:after="0" w:line="260" w:lineRule="atLeast"/>
    </w:pPr>
    <w:rPr>
      <w:rFonts w:ascii="Times New Roman" w:eastAsiaTheme="minorHAnsi" w:hAnsi="Times New Roman" w:cs="Times New Roman"/>
      <w:b/>
      <w:lang w:eastAsia="en-US"/>
    </w:rPr>
  </w:style>
  <w:style w:type="paragraph" w:customStyle="1" w:styleId="887A3B8759424BA9BE978003A18AB8A94">
    <w:name w:val="887A3B8759424BA9BE978003A18AB8A94"/>
    <w:rsid w:val="002C2251"/>
    <w:pPr>
      <w:spacing w:after="0" w:line="260" w:lineRule="atLeast"/>
    </w:pPr>
    <w:rPr>
      <w:rFonts w:ascii="Times New Roman" w:eastAsiaTheme="minorHAnsi" w:hAnsi="Times New Roman" w:cs="Times New Roman"/>
      <w:lang w:eastAsia="en-US"/>
    </w:rPr>
  </w:style>
  <w:style w:type="paragraph" w:customStyle="1" w:styleId="A9E110A99D0647D79EF4D48AEF6192704">
    <w:name w:val="A9E110A99D0647D79EF4D48AEF6192704"/>
    <w:rsid w:val="002C2251"/>
    <w:pPr>
      <w:spacing w:after="0" w:line="260" w:lineRule="atLeast"/>
    </w:pPr>
    <w:rPr>
      <w:rFonts w:ascii="Times New Roman" w:eastAsiaTheme="minorHAnsi" w:hAnsi="Times New Roman" w:cs="Times New Roman"/>
      <w:b/>
      <w:lang w:eastAsia="en-US"/>
    </w:rPr>
  </w:style>
  <w:style w:type="paragraph" w:customStyle="1" w:styleId="C0D3286822C54522B2184A6C208722914">
    <w:name w:val="C0D3286822C54522B2184A6C208722914"/>
    <w:rsid w:val="002C2251"/>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4">
    <w:name w:val="12D211773D5C43AA9E4DDC28894163454"/>
    <w:rsid w:val="002C2251"/>
    <w:pPr>
      <w:spacing w:after="0" w:line="260" w:lineRule="atLeast"/>
    </w:pPr>
    <w:rPr>
      <w:rFonts w:ascii="Times New Roman" w:eastAsiaTheme="minorHAnsi" w:hAnsi="Times New Roman" w:cs="Times New Roman"/>
      <w:b/>
      <w:lang w:eastAsia="en-US"/>
    </w:rPr>
  </w:style>
  <w:style w:type="paragraph" w:customStyle="1" w:styleId="6AA943E43CAD4FF7A7C546749151EB2F4">
    <w:name w:val="6AA943E43CAD4FF7A7C546749151EB2F4"/>
    <w:rsid w:val="002C2251"/>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4">
    <w:name w:val="FA7DBC5E05B040B6B3934A1FDF1C950C4"/>
    <w:rsid w:val="002C2251"/>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5">
    <w:name w:val="CAB07B98987C4A8CB83DD3D2FFCAF46F5"/>
    <w:rsid w:val="00EB5A0D"/>
    <w:pPr>
      <w:spacing w:after="0" w:line="260" w:lineRule="atLeast"/>
    </w:pPr>
    <w:rPr>
      <w:rFonts w:ascii="Times New Roman" w:eastAsiaTheme="minorHAnsi" w:hAnsi="Times New Roman" w:cs="Times New Roman"/>
      <w:b/>
      <w:lang w:eastAsia="en-US"/>
    </w:rPr>
  </w:style>
  <w:style w:type="paragraph" w:customStyle="1" w:styleId="887A3B8759424BA9BE978003A18AB8A95">
    <w:name w:val="887A3B8759424BA9BE978003A18AB8A95"/>
    <w:rsid w:val="00EB5A0D"/>
    <w:pPr>
      <w:spacing w:after="0" w:line="260" w:lineRule="atLeast"/>
    </w:pPr>
    <w:rPr>
      <w:rFonts w:ascii="Times New Roman" w:eastAsiaTheme="minorHAnsi" w:hAnsi="Times New Roman" w:cs="Times New Roman"/>
      <w:lang w:eastAsia="en-US"/>
    </w:rPr>
  </w:style>
  <w:style w:type="paragraph" w:customStyle="1" w:styleId="A9E110A99D0647D79EF4D48AEF6192705">
    <w:name w:val="A9E110A99D0647D79EF4D48AEF6192705"/>
    <w:rsid w:val="00EB5A0D"/>
    <w:pPr>
      <w:spacing w:after="0" w:line="260" w:lineRule="atLeast"/>
    </w:pPr>
    <w:rPr>
      <w:rFonts w:ascii="Times New Roman" w:eastAsiaTheme="minorHAnsi" w:hAnsi="Times New Roman" w:cs="Times New Roman"/>
      <w:b/>
      <w:lang w:eastAsia="en-US"/>
    </w:rPr>
  </w:style>
  <w:style w:type="paragraph" w:customStyle="1" w:styleId="C0D3286822C54522B2184A6C208722915">
    <w:name w:val="C0D3286822C54522B2184A6C208722915"/>
    <w:rsid w:val="00EB5A0D"/>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5">
    <w:name w:val="12D211773D5C43AA9E4DDC28894163455"/>
    <w:rsid w:val="00EB5A0D"/>
    <w:pPr>
      <w:spacing w:after="0" w:line="260" w:lineRule="atLeast"/>
    </w:pPr>
    <w:rPr>
      <w:rFonts w:ascii="Times New Roman" w:eastAsiaTheme="minorHAnsi" w:hAnsi="Times New Roman" w:cs="Times New Roman"/>
      <w:b/>
      <w:lang w:eastAsia="en-US"/>
    </w:rPr>
  </w:style>
  <w:style w:type="paragraph" w:customStyle="1" w:styleId="6AA943E43CAD4FF7A7C546749151EB2F5">
    <w:name w:val="6AA943E43CAD4FF7A7C546749151EB2F5"/>
    <w:rsid w:val="00EB5A0D"/>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5">
    <w:name w:val="FA7DBC5E05B040B6B3934A1FDF1C950C5"/>
    <w:rsid w:val="00EB5A0D"/>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6">
    <w:name w:val="CAB07B98987C4A8CB83DD3D2FFCAF46F6"/>
    <w:rsid w:val="009F3939"/>
    <w:pPr>
      <w:spacing w:after="0" w:line="260" w:lineRule="atLeast"/>
    </w:pPr>
    <w:rPr>
      <w:rFonts w:ascii="Times New Roman" w:eastAsiaTheme="minorHAnsi" w:hAnsi="Times New Roman" w:cs="Times New Roman"/>
      <w:b/>
      <w:lang w:eastAsia="en-US"/>
    </w:rPr>
  </w:style>
  <w:style w:type="paragraph" w:customStyle="1" w:styleId="887A3B8759424BA9BE978003A18AB8A96">
    <w:name w:val="887A3B8759424BA9BE978003A18AB8A96"/>
    <w:rsid w:val="009F3939"/>
    <w:pPr>
      <w:spacing w:after="0" w:line="260" w:lineRule="atLeast"/>
    </w:pPr>
    <w:rPr>
      <w:rFonts w:ascii="Times New Roman" w:eastAsiaTheme="minorHAnsi" w:hAnsi="Times New Roman" w:cs="Times New Roman"/>
      <w:lang w:eastAsia="en-US"/>
    </w:rPr>
  </w:style>
  <w:style w:type="paragraph" w:customStyle="1" w:styleId="A9E110A99D0647D79EF4D48AEF6192706">
    <w:name w:val="A9E110A99D0647D79EF4D48AEF6192706"/>
    <w:rsid w:val="009F3939"/>
    <w:pPr>
      <w:spacing w:after="0" w:line="260" w:lineRule="atLeast"/>
    </w:pPr>
    <w:rPr>
      <w:rFonts w:ascii="Times New Roman" w:eastAsiaTheme="minorHAnsi" w:hAnsi="Times New Roman" w:cs="Times New Roman"/>
      <w:b/>
      <w:lang w:eastAsia="en-US"/>
    </w:rPr>
  </w:style>
  <w:style w:type="paragraph" w:customStyle="1" w:styleId="C0D3286822C54522B2184A6C208722916">
    <w:name w:val="C0D3286822C54522B2184A6C208722916"/>
    <w:rsid w:val="009F3939"/>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6">
    <w:name w:val="12D211773D5C43AA9E4DDC28894163456"/>
    <w:rsid w:val="009F3939"/>
    <w:pPr>
      <w:spacing w:after="0" w:line="260" w:lineRule="atLeast"/>
    </w:pPr>
    <w:rPr>
      <w:rFonts w:ascii="Times New Roman" w:eastAsiaTheme="minorHAnsi" w:hAnsi="Times New Roman" w:cs="Times New Roman"/>
      <w:b/>
      <w:lang w:eastAsia="en-US"/>
    </w:rPr>
  </w:style>
  <w:style w:type="paragraph" w:customStyle="1" w:styleId="6AA943E43CAD4FF7A7C546749151EB2F6">
    <w:name w:val="6AA943E43CAD4FF7A7C546749151EB2F6"/>
    <w:rsid w:val="009F3939"/>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6">
    <w:name w:val="FA7DBC5E05B040B6B3934A1FDF1C950C6"/>
    <w:rsid w:val="009F3939"/>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7">
    <w:name w:val="CAB07B98987C4A8CB83DD3D2FFCAF46F7"/>
    <w:rsid w:val="00F312A7"/>
    <w:pPr>
      <w:spacing w:after="0" w:line="260" w:lineRule="atLeast"/>
    </w:pPr>
    <w:rPr>
      <w:rFonts w:ascii="Times New Roman" w:eastAsiaTheme="minorHAnsi" w:hAnsi="Times New Roman" w:cs="Times New Roman"/>
      <w:b/>
      <w:lang w:eastAsia="en-US"/>
    </w:rPr>
  </w:style>
  <w:style w:type="paragraph" w:customStyle="1" w:styleId="887A3B8759424BA9BE978003A18AB8A97">
    <w:name w:val="887A3B8759424BA9BE978003A18AB8A97"/>
    <w:rsid w:val="00F312A7"/>
    <w:pPr>
      <w:spacing w:after="0" w:line="260" w:lineRule="atLeast"/>
    </w:pPr>
    <w:rPr>
      <w:rFonts w:ascii="Times New Roman" w:eastAsiaTheme="minorHAnsi" w:hAnsi="Times New Roman" w:cs="Times New Roman"/>
      <w:lang w:eastAsia="en-US"/>
    </w:rPr>
  </w:style>
  <w:style w:type="paragraph" w:customStyle="1" w:styleId="A9E110A99D0647D79EF4D48AEF6192707">
    <w:name w:val="A9E110A99D0647D79EF4D48AEF6192707"/>
    <w:rsid w:val="00F312A7"/>
    <w:pPr>
      <w:spacing w:after="0" w:line="260" w:lineRule="atLeast"/>
    </w:pPr>
    <w:rPr>
      <w:rFonts w:ascii="Times New Roman" w:eastAsiaTheme="minorHAnsi" w:hAnsi="Times New Roman" w:cs="Times New Roman"/>
      <w:b/>
      <w:lang w:eastAsia="en-US"/>
    </w:rPr>
  </w:style>
  <w:style w:type="paragraph" w:customStyle="1" w:styleId="C0D3286822C54522B2184A6C208722917">
    <w:name w:val="C0D3286822C54522B2184A6C208722917"/>
    <w:rsid w:val="00F312A7"/>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7">
    <w:name w:val="12D211773D5C43AA9E4DDC28894163457"/>
    <w:rsid w:val="00F312A7"/>
    <w:pPr>
      <w:spacing w:after="0" w:line="260" w:lineRule="atLeast"/>
    </w:pPr>
    <w:rPr>
      <w:rFonts w:ascii="Times New Roman" w:eastAsiaTheme="minorHAnsi" w:hAnsi="Times New Roman" w:cs="Times New Roman"/>
      <w:b/>
      <w:lang w:eastAsia="en-US"/>
    </w:rPr>
  </w:style>
  <w:style w:type="paragraph" w:customStyle="1" w:styleId="6AA943E43CAD4FF7A7C546749151EB2F7">
    <w:name w:val="6AA943E43CAD4FF7A7C546749151EB2F7"/>
    <w:rsid w:val="00F312A7"/>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7">
    <w:name w:val="FA7DBC5E05B040B6B3934A1FDF1C950C7"/>
    <w:rsid w:val="00F312A7"/>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8">
    <w:name w:val="CAB07B98987C4A8CB83DD3D2FFCAF46F8"/>
    <w:rsid w:val="007121CF"/>
    <w:pPr>
      <w:spacing w:after="0" w:line="260" w:lineRule="atLeast"/>
    </w:pPr>
    <w:rPr>
      <w:rFonts w:ascii="Times New Roman" w:eastAsiaTheme="minorHAnsi" w:hAnsi="Times New Roman" w:cs="Times New Roman"/>
      <w:b/>
      <w:lang w:eastAsia="en-US"/>
    </w:rPr>
  </w:style>
  <w:style w:type="paragraph" w:customStyle="1" w:styleId="887A3B8759424BA9BE978003A18AB8A98">
    <w:name w:val="887A3B8759424BA9BE978003A18AB8A98"/>
    <w:rsid w:val="007121CF"/>
    <w:pPr>
      <w:spacing w:after="0" w:line="260" w:lineRule="atLeast"/>
    </w:pPr>
    <w:rPr>
      <w:rFonts w:ascii="Times New Roman" w:eastAsiaTheme="minorHAnsi" w:hAnsi="Times New Roman" w:cs="Times New Roman"/>
      <w:lang w:eastAsia="en-US"/>
    </w:rPr>
  </w:style>
  <w:style w:type="paragraph" w:customStyle="1" w:styleId="A9E110A99D0647D79EF4D48AEF6192708">
    <w:name w:val="A9E110A99D0647D79EF4D48AEF6192708"/>
    <w:rsid w:val="007121CF"/>
    <w:pPr>
      <w:spacing w:after="0" w:line="260" w:lineRule="atLeast"/>
    </w:pPr>
    <w:rPr>
      <w:rFonts w:ascii="Times New Roman" w:eastAsiaTheme="minorHAnsi" w:hAnsi="Times New Roman" w:cs="Times New Roman"/>
      <w:b/>
      <w:lang w:eastAsia="en-US"/>
    </w:rPr>
  </w:style>
  <w:style w:type="paragraph" w:customStyle="1" w:styleId="C0D3286822C54522B2184A6C208722918">
    <w:name w:val="C0D3286822C54522B2184A6C208722918"/>
    <w:rsid w:val="007121CF"/>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8">
    <w:name w:val="12D211773D5C43AA9E4DDC28894163458"/>
    <w:rsid w:val="007121CF"/>
    <w:pPr>
      <w:spacing w:after="0" w:line="260" w:lineRule="atLeast"/>
    </w:pPr>
    <w:rPr>
      <w:rFonts w:ascii="Times New Roman" w:eastAsiaTheme="minorHAnsi" w:hAnsi="Times New Roman" w:cs="Times New Roman"/>
      <w:b/>
      <w:lang w:eastAsia="en-US"/>
    </w:rPr>
  </w:style>
  <w:style w:type="paragraph" w:customStyle="1" w:styleId="6AA943E43CAD4FF7A7C546749151EB2F8">
    <w:name w:val="6AA943E43CAD4FF7A7C546749151EB2F8"/>
    <w:rsid w:val="007121CF"/>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8">
    <w:name w:val="FA7DBC5E05B040B6B3934A1FDF1C950C8"/>
    <w:rsid w:val="007121CF"/>
    <w:pPr>
      <w:spacing w:before="240" w:after="0" w:line="260" w:lineRule="atLeast"/>
      <w:jc w:val="both"/>
    </w:pPr>
    <w:rPr>
      <w:rFonts w:ascii="Times New Roman" w:eastAsiaTheme="minorHAnsi" w:hAnsi="Times New Roman" w:cs="Times New Roman"/>
      <w:lang w:eastAsia="en-US"/>
    </w:rPr>
  </w:style>
  <w:style w:type="paragraph" w:customStyle="1" w:styleId="A2276F2AC55A49459107229327FEDFF3">
    <w:name w:val="A2276F2AC55A49459107229327FEDFF3"/>
    <w:rsid w:val="007121CF"/>
    <w:pPr>
      <w:spacing w:after="160" w:line="259" w:lineRule="auto"/>
    </w:pPr>
  </w:style>
  <w:style w:type="paragraph" w:customStyle="1" w:styleId="F4BA0AA974F9469481D472CB846EAFC3">
    <w:name w:val="F4BA0AA974F9469481D472CB846EAFC3"/>
    <w:rsid w:val="007121CF"/>
    <w:pPr>
      <w:spacing w:after="160" w:line="259" w:lineRule="auto"/>
    </w:pPr>
  </w:style>
  <w:style w:type="paragraph" w:customStyle="1" w:styleId="CAB07B98987C4A8CB83DD3D2FFCAF46F9">
    <w:name w:val="CAB07B98987C4A8CB83DD3D2FFCAF46F9"/>
    <w:rsid w:val="008F0197"/>
    <w:pPr>
      <w:spacing w:after="0" w:line="260" w:lineRule="atLeast"/>
    </w:pPr>
    <w:rPr>
      <w:rFonts w:ascii="Times New Roman" w:eastAsiaTheme="minorHAnsi" w:hAnsi="Times New Roman" w:cs="Times New Roman"/>
      <w:b/>
      <w:lang w:eastAsia="en-US"/>
    </w:rPr>
  </w:style>
  <w:style w:type="paragraph" w:customStyle="1" w:styleId="887A3B8759424BA9BE978003A18AB8A99">
    <w:name w:val="887A3B8759424BA9BE978003A18AB8A99"/>
    <w:rsid w:val="008F0197"/>
    <w:pPr>
      <w:spacing w:after="0" w:line="260" w:lineRule="atLeast"/>
    </w:pPr>
    <w:rPr>
      <w:rFonts w:ascii="Times New Roman" w:eastAsiaTheme="minorHAnsi" w:hAnsi="Times New Roman" w:cs="Times New Roman"/>
      <w:lang w:eastAsia="en-US"/>
    </w:rPr>
  </w:style>
  <w:style w:type="paragraph" w:customStyle="1" w:styleId="A9E110A99D0647D79EF4D48AEF6192709">
    <w:name w:val="A9E110A99D0647D79EF4D48AEF6192709"/>
    <w:rsid w:val="008F0197"/>
    <w:pPr>
      <w:spacing w:after="0" w:line="260" w:lineRule="atLeast"/>
    </w:pPr>
    <w:rPr>
      <w:rFonts w:ascii="Times New Roman" w:eastAsiaTheme="minorHAnsi" w:hAnsi="Times New Roman" w:cs="Times New Roman"/>
      <w:b/>
      <w:lang w:eastAsia="en-US"/>
    </w:rPr>
  </w:style>
  <w:style w:type="paragraph" w:customStyle="1" w:styleId="C0D3286822C54522B2184A6C208722919">
    <w:name w:val="C0D3286822C54522B2184A6C208722919"/>
    <w:rsid w:val="008F0197"/>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9">
    <w:name w:val="12D211773D5C43AA9E4DDC28894163459"/>
    <w:rsid w:val="008F0197"/>
    <w:pPr>
      <w:spacing w:after="0" w:line="260" w:lineRule="atLeast"/>
    </w:pPr>
    <w:rPr>
      <w:rFonts w:ascii="Times New Roman" w:eastAsiaTheme="minorHAnsi" w:hAnsi="Times New Roman" w:cs="Times New Roman"/>
      <w:b/>
      <w:lang w:eastAsia="en-US"/>
    </w:rPr>
  </w:style>
  <w:style w:type="paragraph" w:customStyle="1" w:styleId="6AA943E43CAD4FF7A7C546749151EB2F9">
    <w:name w:val="6AA943E43CAD4FF7A7C546749151EB2F9"/>
    <w:rsid w:val="008F0197"/>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9">
    <w:name w:val="FA7DBC5E05B040B6B3934A1FDF1C950C9"/>
    <w:rsid w:val="008F0197"/>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10">
    <w:name w:val="CAB07B98987C4A8CB83DD3D2FFCAF46F10"/>
    <w:rsid w:val="003A02D2"/>
    <w:pPr>
      <w:spacing w:after="0" w:line="260" w:lineRule="atLeast"/>
    </w:pPr>
    <w:rPr>
      <w:rFonts w:ascii="Times New Roman" w:eastAsiaTheme="minorHAnsi" w:hAnsi="Times New Roman" w:cs="Times New Roman"/>
      <w:b/>
      <w:lang w:eastAsia="en-US"/>
    </w:rPr>
  </w:style>
  <w:style w:type="paragraph" w:customStyle="1" w:styleId="887A3B8759424BA9BE978003A18AB8A910">
    <w:name w:val="887A3B8759424BA9BE978003A18AB8A910"/>
    <w:rsid w:val="003A02D2"/>
    <w:pPr>
      <w:spacing w:after="0" w:line="260" w:lineRule="atLeast"/>
    </w:pPr>
    <w:rPr>
      <w:rFonts w:ascii="Times New Roman" w:eastAsiaTheme="minorHAnsi" w:hAnsi="Times New Roman" w:cs="Times New Roman"/>
      <w:lang w:eastAsia="en-US"/>
    </w:rPr>
  </w:style>
  <w:style w:type="paragraph" w:customStyle="1" w:styleId="A9E110A99D0647D79EF4D48AEF61927010">
    <w:name w:val="A9E110A99D0647D79EF4D48AEF61927010"/>
    <w:rsid w:val="003A02D2"/>
    <w:pPr>
      <w:spacing w:after="0" w:line="260" w:lineRule="atLeast"/>
    </w:pPr>
    <w:rPr>
      <w:rFonts w:ascii="Times New Roman" w:eastAsiaTheme="minorHAnsi" w:hAnsi="Times New Roman" w:cs="Times New Roman"/>
      <w:b/>
      <w:lang w:eastAsia="en-US"/>
    </w:rPr>
  </w:style>
  <w:style w:type="paragraph" w:customStyle="1" w:styleId="C0D3286822C54522B2184A6C2087229110">
    <w:name w:val="C0D3286822C54522B2184A6C2087229110"/>
    <w:rsid w:val="003A02D2"/>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10">
    <w:name w:val="12D211773D5C43AA9E4DDC288941634510"/>
    <w:rsid w:val="003A02D2"/>
    <w:pPr>
      <w:spacing w:after="0" w:line="260" w:lineRule="atLeast"/>
    </w:pPr>
    <w:rPr>
      <w:rFonts w:ascii="Times New Roman" w:eastAsiaTheme="minorHAnsi" w:hAnsi="Times New Roman" w:cs="Times New Roman"/>
      <w:b/>
      <w:lang w:eastAsia="en-US"/>
    </w:rPr>
  </w:style>
  <w:style w:type="paragraph" w:customStyle="1" w:styleId="6AA943E43CAD4FF7A7C546749151EB2F10">
    <w:name w:val="6AA943E43CAD4FF7A7C546749151EB2F10"/>
    <w:rsid w:val="003A02D2"/>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10">
    <w:name w:val="FA7DBC5E05B040B6B3934A1FDF1C950C10"/>
    <w:rsid w:val="003A02D2"/>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11">
    <w:name w:val="CAB07B98987C4A8CB83DD3D2FFCAF46F11"/>
    <w:rsid w:val="00521702"/>
    <w:pPr>
      <w:spacing w:after="0" w:line="260" w:lineRule="atLeast"/>
    </w:pPr>
    <w:rPr>
      <w:rFonts w:ascii="Times New Roman" w:eastAsiaTheme="minorHAnsi" w:hAnsi="Times New Roman" w:cs="Times New Roman"/>
      <w:b/>
      <w:lang w:eastAsia="en-US"/>
    </w:rPr>
  </w:style>
  <w:style w:type="paragraph" w:customStyle="1" w:styleId="887A3B8759424BA9BE978003A18AB8A911">
    <w:name w:val="887A3B8759424BA9BE978003A18AB8A911"/>
    <w:rsid w:val="00521702"/>
    <w:pPr>
      <w:spacing w:after="0" w:line="260" w:lineRule="atLeast"/>
    </w:pPr>
    <w:rPr>
      <w:rFonts w:ascii="Times New Roman" w:eastAsiaTheme="minorHAnsi" w:hAnsi="Times New Roman" w:cs="Times New Roman"/>
      <w:lang w:eastAsia="en-US"/>
    </w:rPr>
  </w:style>
  <w:style w:type="paragraph" w:customStyle="1" w:styleId="A9E110A99D0647D79EF4D48AEF61927011">
    <w:name w:val="A9E110A99D0647D79EF4D48AEF61927011"/>
    <w:rsid w:val="00521702"/>
    <w:pPr>
      <w:spacing w:after="0" w:line="260" w:lineRule="atLeast"/>
    </w:pPr>
    <w:rPr>
      <w:rFonts w:ascii="Times New Roman" w:eastAsiaTheme="minorHAnsi" w:hAnsi="Times New Roman" w:cs="Times New Roman"/>
      <w:b/>
      <w:lang w:eastAsia="en-US"/>
    </w:rPr>
  </w:style>
  <w:style w:type="paragraph" w:customStyle="1" w:styleId="C0D3286822C54522B2184A6C2087229111">
    <w:name w:val="C0D3286822C54522B2184A6C2087229111"/>
    <w:rsid w:val="00521702"/>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11">
    <w:name w:val="12D211773D5C43AA9E4DDC288941634511"/>
    <w:rsid w:val="00521702"/>
    <w:pPr>
      <w:spacing w:after="0" w:line="260" w:lineRule="atLeast"/>
    </w:pPr>
    <w:rPr>
      <w:rFonts w:ascii="Times New Roman" w:eastAsiaTheme="minorHAnsi" w:hAnsi="Times New Roman" w:cs="Times New Roman"/>
      <w:b/>
      <w:lang w:eastAsia="en-US"/>
    </w:rPr>
  </w:style>
  <w:style w:type="paragraph" w:customStyle="1" w:styleId="6AA943E43CAD4FF7A7C546749151EB2F11">
    <w:name w:val="6AA943E43CAD4FF7A7C546749151EB2F11"/>
    <w:rsid w:val="00521702"/>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11">
    <w:name w:val="FA7DBC5E05B040B6B3934A1FDF1C950C11"/>
    <w:rsid w:val="00521702"/>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12">
    <w:name w:val="CAB07B98987C4A8CB83DD3D2FFCAF46F12"/>
    <w:rsid w:val="00F133AA"/>
    <w:pPr>
      <w:spacing w:after="0" w:line="260" w:lineRule="atLeast"/>
    </w:pPr>
    <w:rPr>
      <w:rFonts w:ascii="Times New Roman" w:eastAsiaTheme="minorHAnsi" w:hAnsi="Times New Roman" w:cs="Times New Roman"/>
      <w:b/>
      <w:lang w:eastAsia="en-US"/>
    </w:rPr>
  </w:style>
  <w:style w:type="paragraph" w:customStyle="1" w:styleId="887A3B8759424BA9BE978003A18AB8A912">
    <w:name w:val="887A3B8759424BA9BE978003A18AB8A912"/>
    <w:rsid w:val="00F133AA"/>
    <w:pPr>
      <w:spacing w:after="0" w:line="260" w:lineRule="atLeast"/>
    </w:pPr>
    <w:rPr>
      <w:rFonts w:ascii="Times New Roman" w:eastAsiaTheme="minorHAnsi" w:hAnsi="Times New Roman" w:cs="Times New Roman"/>
      <w:lang w:eastAsia="en-US"/>
    </w:rPr>
  </w:style>
  <w:style w:type="paragraph" w:customStyle="1" w:styleId="A9E110A99D0647D79EF4D48AEF61927012">
    <w:name w:val="A9E110A99D0647D79EF4D48AEF61927012"/>
    <w:rsid w:val="00F133AA"/>
    <w:pPr>
      <w:spacing w:after="0" w:line="260" w:lineRule="atLeast"/>
    </w:pPr>
    <w:rPr>
      <w:rFonts w:ascii="Times New Roman" w:eastAsiaTheme="minorHAnsi" w:hAnsi="Times New Roman" w:cs="Times New Roman"/>
      <w:b/>
      <w:lang w:eastAsia="en-US"/>
    </w:rPr>
  </w:style>
  <w:style w:type="paragraph" w:customStyle="1" w:styleId="C0D3286822C54522B2184A6C2087229112">
    <w:name w:val="C0D3286822C54522B2184A6C2087229112"/>
    <w:rsid w:val="00F133AA"/>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12">
    <w:name w:val="12D211773D5C43AA9E4DDC288941634512"/>
    <w:rsid w:val="00F133AA"/>
    <w:pPr>
      <w:spacing w:after="0" w:line="260" w:lineRule="atLeast"/>
    </w:pPr>
    <w:rPr>
      <w:rFonts w:ascii="Times New Roman" w:eastAsiaTheme="minorHAnsi" w:hAnsi="Times New Roman" w:cs="Times New Roman"/>
      <w:b/>
      <w:lang w:eastAsia="en-US"/>
    </w:rPr>
  </w:style>
  <w:style w:type="paragraph" w:customStyle="1" w:styleId="6AA943E43CAD4FF7A7C546749151EB2F12">
    <w:name w:val="6AA943E43CAD4FF7A7C546749151EB2F12"/>
    <w:rsid w:val="00F133AA"/>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12">
    <w:name w:val="FA7DBC5E05B040B6B3934A1FDF1C950C12"/>
    <w:rsid w:val="00F133AA"/>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13">
    <w:name w:val="CAB07B98987C4A8CB83DD3D2FFCAF46F13"/>
    <w:rsid w:val="0062415C"/>
    <w:pPr>
      <w:spacing w:after="0" w:line="260" w:lineRule="atLeast"/>
    </w:pPr>
    <w:rPr>
      <w:rFonts w:ascii="Times New Roman" w:eastAsiaTheme="minorHAnsi" w:hAnsi="Times New Roman" w:cs="Times New Roman"/>
      <w:b/>
      <w:lang w:eastAsia="en-US"/>
    </w:rPr>
  </w:style>
  <w:style w:type="paragraph" w:customStyle="1" w:styleId="887A3B8759424BA9BE978003A18AB8A913">
    <w:name w:val="887A3B8759424BA9BE978003A18AB8A913"/>
    <w:rsid w:val="0062415C"/>
    <w:pPr>
      <w:spacing w:after="0" w:line="260" w:lineRule="atLeast"/>
    </w:pPr>
    <w:rPr>
      <w:rFonts w:ascii="Times New Roman" w:eastAsiaTheme="minorHAnsi" w:hAnsi="Times New Roman" w:cs="Times New Roman"/>
      <w:lang w:eastAsia="en-US"/>
    </w:rPr>
  </w:style>
  <w:style w:type="paragraph" w:customStyle="1" w:styleId="A9E110A99D0647D79EF4D48AEF61927013">
    <w:name w:val="A9E110A99D0647D79EF4D48AEF61927013"/>
    <w:rsid w:val="0062415C"/>
    <w:pPr>
      <w:spacing w:after="0" w:line="260" w:lineRule="atLeast"/>
    </w:pPr>
    <w:rPr>
      <w:rFonts w:ascii="Times New Roman" w:eastAsiaTheme="minorHAnsi" w:hAnsi="Times New Roman" w:cs="Times New Roman"/>
      <w:b/>
      <w:lang w:eastAsia="en-US"/>
    </w:rPr>
  </w:style>
  <w:style w:type="paragraph" w:customStyle="1" w:styleId="C0D3286822C54522B2184A6C2087229113">
    <w:name w:val="C0D3286822C54522B2184A6C2087229113"/>
    <w:rsid w:val="0062415C"/>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13">
    <w:name w:val="12D211773D5C43AA9E4DDC288941634513"/>
    <w:rsid w:val="0062415C"/>
    <w:pPr>
      <w:spacing w:after="0" w:line="260" w:lineRule="atLeast"/>
    </w:pPr>
    <w:rPr>
      <w:rFonts w:ascii="Times New Roman" w:eastAsiaTheme="minorHAnsi" w:hAnsi="Times New Roman" w:cs="Times New Roman"/>
      <w:b/>
      <w:lang w:eastAsia="en-US"/>
    </w:rPr>
  </w:style>
  <w:style w:type="paragraph" w:customStyle="1" w:styleId="6AA943E43CAD4FF7A7C546749151EB2F13">
    <w:name w:val="6AA943E43CAD4FF7A7C546749151EB2F13"/>
    <w:rsid w:val="0062415C"/>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13">
    <w:name w:val="FA7DBC5E05B040B6B3934A1FDF1C950C13"/>
    <w:rsid w:val="0062415C"/>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14">
    <w:name w:val="CAB07B98987C4A8CB83DD3D2FFCAF46F14"/>
    <w:rsid w:val="0098572C"/>
    <w:pPr>
      <w:spacing w:after="0" w:line="260" w:lineRule="atLeast"/>
    </w:pPr>
    <w:rPr>
      <w:rFonts w:ascii="Times New Roman" w:eastAsiaTheme="minorHAnsi" w:hAnsi="Times New Roman" w:cs="Times New Roman"/>
      <w:b/>
      <w:lang w:eastAsia="en-US"/>
    </w:rPr>
  </w:style>
  <w:style w:type="paragraph" w:customStyle="1" w:styleId="887A3B8759424BA9BE978003A18AB8A914">
    <w:name w:val="887A3B8759424BA9BE978003A18AB8A914"/>
    <w:rsid w:val="0098572C"/>
    <w:pPr>
      <w:spacing w:after="0" w:line="260" w:lineRule="atLeast"/>
    </w:pPr>
    <w:rPr>
      <w:rFonts w:ascii="Times New Roman" w:eastAsiaTheme="minorHAnsi" w:hAnsi="Times New Roman" w:cs="Times New Roman"/>
      <w:lang w:eastAsia="en-US"/>
    </w:rPr>
  </w:style>
  <w:style w:type="paragraph" w:customStyle="1" w:styleId="A9E110A99D0647D79EF4D48AEF61927014">
    <w:name w:val="A9E110A99D0647D79EF4D48AEF61927014"/>
    <w:rsid w:val="0098572C"/>
    <w:pPr>
      <w:spacing w:after="0" w:line="260" w:lineRule="atLeast"/>
    </w:pPr>
    <w:rPr>
      <w:rFonts w:ascii="Times New Roman" w:eastAsiaTheme="minorHAnsi" w:hAnsi="Times New Roman" w:cs="Times New Roman"/>
      <w:b/>
      <w:lang w:eastAsia="en-US"/>
    </w:rPr>
  </w:style>
  <w:style w:type="paragraph" w:customStyle="1" w:styleId="C0D3286822C54522B2184A6C2087229114">
    <w:name w:val="C0D3286822C54522B2184A6C2087229114"/>
    <w:rsid w:val="0098572C"/>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14">
    <w:name w:val="12D211773D5C43AA9E4DDC288941634514"/>
    <w:rsid w:val="0098572C"/>
    <w:pPr>
      <w:spacing w:after="0" w:line="260" w:lineRule="atLeast"/>
    </w:pPr>
    <w:rPr>
      <w:rFonts w:ascii="Times New Roman" w:eastAsiaTheme="minorHAnsi" w:hAnsi="Times New Roman" w:cs="Times New Roman"/>
      <w:b/>
      <w:lang w:eastAsia="en-US"/>
    </w:rPr>
  </w:style>
  <w:style w:type="paragraph" w:customStyle="1" w:styleId="6AA943E43CAD4FF7A7C546749151EB2F14">
    <w:name w:val="6AA943E43CAD4FF7A7C546749151EB2F14"/>
    <w:rsid w:val="0098572C"/>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14">
    <w:name w:val="FA7DBC5E05B040B6B3934A1FDF1C950C14"/>
    <w:rsid w:val="0098572C"/>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15">
    <w:name w:val="CAB07B98987C4A8CB83DD3D2FFCAF46F15"/>
    <w:rsid w:val="0098572C"/>
    <w:pPr>
      <w:spacing w:after="0" w:line="260" w:lineRule="atLeast"/>
    </w:pPr>
    <w:rPr>
      <w:rFonts w:ascii="Times New Roman" w:eastAsiaTheme="minorHAnsi" w:hAnsi="Times New Roman" w:cs="Times New Roman"/>
      <w:b/>
      <w:lang w:eastAsia="en-US"/>
    </w:rPr>
  </w:style>
  <w:style w:type="paragraph" w:customStyle="1" w:styleId="887A3B8759424BA9BE978003A18AB8A915">
    <w:name w:val="887A3B8759424BA9BE978003A18AB8A915"/>
    <w:rsid w:val="0098572C"/>
    <w:pPr>
      <w:spacing w:after="0" w:line="260" w:lineRule="atLeast"/>
    </w:pPr>
    <w:rPr>
      <w:rFonts w:ascii="Times New Roman" w:eastAsiaTheme="minorHAnsi" w:hAnsi="Times New Roman" w:cs="Times New Roman"/>
      <w:lang w:eastAsia="en-US"/>
    </w:rPr>
  </w:style>
  <w:style w:type="paragraph" w:customStyle="1" w:styleId="A9E110A99D0647D79EF4D48AEF61927015">
    <w:name w:val="A9E110A99D0647D79EF4D48AEF61927015"/>
    <w:rsid w:val="0098572C"/>
    <w:pPr>
      <w:spacing w:after="0" w:line="260" w:lineRule="atLeast"/>
    </w:pPr>
    <w:rPr>
      <w:rFonts w:ascii="Times New Roman" w:eastAsiaTheme="minorHAnsi" w:hAnsi="Times New Roman" w:cs="Times New Roman"/>
      <w:b/>
      <w:lang w:eastAsia="en-US"/>
    </w:rPr>
  </w:style>
  <w:style w:type="paragraph" w:customStyle="1" w:styleId="C0D3286822C54522B2184A6C2087229115">
    <w:name w:val="C0D3286822C54522B2184A6C2087229115"/>
    <w:rsid w:val="0098572C"/>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15">
    <w:name w:val="12D211773D5C43AA9E4DDC288941634515"/>
    <w:rsid w:val="0098572C"/>
    <w:pPr>
      <w:spacing w:after="0" w:line="260" w:lineRule="atLeast"/>
    </w:pPr>
    <w:rPr>
      <w:rFonts w:ascii="Times New Roman" w:eastAsiaTheme="minorHAnsi" w:hAnsi="Times New Roman" w:cs="Times New Roman"/>
      <w:b/>
      <w:lang w:eastAsia="en-US"/>
    </w:rPr>
  </w:style>
  <w:style w:type="paragraph" w:customStyle="1" w:styleId="6AA943E43CAD4FF7A7C546749151EB2F15">
    <w:name w:val="6AA943E43CAD4FF7A7C546749151EB2F15"/>
    <w:rsid w:val="0098572C"/>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15">
    <w:name w:val="FA7DBC5E05B040B6B3934A1FDF1C950C15"/>
    <w:rsid w:val="0098572C"/>
    <w:pPr>
      <w:spacing w:before="240" w:after="0" w:line="260" w:lineRule="atLeast"/>
      <w:jc w:val="both"/>
    </w:pPr>
    <w:rPr>
      <w:rFonts w:ascii="Times New Roman" w:eastAsiaTheme="minorHAnsi" w:hAnsi="Times New Roman" w:cs="Times New Roman"/>
      <w:lang w:eastAsia="en-US"/>
    </w:rPr>
  </w:style>
  <w:style w:type="paragraph" w:customStyle="1" w:styleId="CAB07B98987C4A8CB83DD3D2FFCAF46F16">
    <w:name w:val="CAB07B98987C4A8CB83DD3D2FFCAF46F16"/>
    <w:rsid w:val="00BE6FC3"/>
    <w:pPr>
      <w:spacing w:after="0" w:line="260" w:lineRule="atLeast"/>
    </w:pPr>
    <w:rPr>
      <w:rFonts w:ascii="Times New Roman" w:eastAsiaTheme="minorHAnsi" w:hAnsi="Times New Roman" w:cs="Times New Roman"/>
      <w:b/>
      <w:lang w:eastAsia="en-US"/>
    </w:rPr>
  </w:style>
  <w:style w:type="paragraph" w:customStyle="1" w:styleId="887A3B8759424BA9BE978003A18AB8A916">
    <w:name w:val="887A3B8759424BA9BE978003A18AB8A916"/>
    <w:rsid w:val="00BE6FC3"/>
    <w:pPr>
      <w:spacing w:after="0" w:line="260" w:lineRule="atLeast"/>
    </w:pPr>
    <w:rPr>
      <w:rFonts w:ascii="Times New Roman" w:eastAsiaTheme="minorHAnsi" w:hAnsi="Times New Roman" w:cs="Times New Roman"/>
      <w:lang w:eastAsia="en-US"/>
    </w:rPr>
  </w:style>
  <w:style w:type="paragraph" w:customStyle="1" w:styleId="A9E110A99D0647D79EF4D48AEF61927016">
    <w:name w:val="A9E110A99D0647D79EF4D48AEF61927016"/>
    <w:rsid w:val="00BE6FC3"/>
    <w:pPr>
      <w:spacing w:after="0" w:line="260" w:lineRule="atLeast"/>
    </w:pPr>
    <w:rPr>
      <w:rFonts w:ascii="Times New Roman" w:eastAsiaTheme="minorHAnsi" w:hAnsi="Times New Roman" w:cs="Times New Roman"/>
      <w:b/>
      <w:lang w:eastAsia="en-US"/>
    </w:rPr>
  </w:style>
  <w:style w:type="paragraph" w:customStyle="1" w:styleId="C0D3286822C54522B2184A6C2087229116">
    <w:name w:val="C0D3286822C54522B2184A6C2087229116"/>
    <w:rsid w:val="00BE6FC3"/>
    <w:pPr>
      <w:spacing w:before="240" w:after="0" w:line="260" w:lineRule="atLeast"/>
      <w:jc w:val="both"/>
    </w:pPr>
    <w:rPr>
      <w:rFonts w:ascii="Times New Roman" w:eastAsiaTheme="minorHAnsi" w:hAnsi="Times New Roman" w:cs="Times New Roman"/>
      <w:lang w:eastAsia="en-US"/>
    </w:rPr>
  </w:style>
  <w:style w:type="paragraph" w:customStyle="1" w:styleId="12D211773D5C43AA9E4DDC288941634516">
    <w:name w:val="12D211773D5C43AA9E4DDC288941634516"/>
    <w:rsid w:val="00BE6FC3"/>
    <w:pPr>
      <w:spacing w:after="0" w:line="260" w:lineRule="atLeast"/>
    </w:pPr>
    <w:rPr>
      <w:rFonts w:ascii="Times New Roman" w:eastAsiaTheme="minorHAnsi" w:hAnsi="Times New Roman" w:cs="Times New Roman"/>
      <w:b/>
      <w:lang w:eastAsia="en-US"/>
    </w:rPr>
  </w:style>
  <w:style w:type="paragraph" w:customStyle="1" w:styleId="6AA943E43CAD4FF7A7C546749151EB2F16">
    <w:name w:val="6AA943E43CAD4FF7A7C546749151EB2F16"/>
    <w:rsid w:val="00BE6FC3"/>
    <w:pPr>
      <w:spacing w:before="240" w:after="0" w:line="260" w:lineRule="atLeast"/>
      <w:jc w:val="both"/>
    </w:pPr>
    <w:rPr>
      <w:rFonts w:ascii="Times New Roman" w:eastAsiaTheme="minorHAnsi" w:hAnsi="Times New Roman" w:cs="Times New Roman"/>
      <w:lang w:eastAsia="en-US"/>
    </w:rPr>
  </w:style>
  <w:style w:type="paragraph" w:customStyle="1" w:styleId="FA7DBC5E05B040B6B3934A1FDF1C950C16">
    <w:name w:val="FA7DBC5E05B040B6B3934A1FDF1C950C16"/>
    <w:rsid w:val="00BE6FC3"/>
    <w:pPr>
      <w:spacing w:before="240" w:after="0" w:line="260" w:lineRule="atLeast"/>
      <w:jc w:val="both"/>
    </w:pPr>
    <w:rPr>
      <w:rFonts w:ascii="Times New Roman" w:eastAsiaTheme="minorHAnsi" w:hAnsi="Times New Roman" w:cs="Times New Roman"/>
      <w:lang w:eastAsia="en-US"/>
    </w:rPr>
  </w:style>
  <w:style w:type="paragraph" w:customStyle="1" w:styleId="B47C63DD0E8C4C9782F61ED203171EE4">
    <w:name w:val="B47C63DD0E8C4C9782F61ED203171EE4"/>
    <w:rsid w:val="005B01D7"/>
  </w:style>
  <w:style w:type="paragraph" w:customStyle="1" w:styleId="05E011E8608547108767A684FAC6FF1F">
    <w:name w:val="05E011E8608547108767A684FAC6FF1F"/>
    <w:rsid w:val="005B01D7"/>
  </w:style>
  <w:style w:type="paragraph" w:customStyle="1" w:styleId="AD17DC061E374093BCB03A8FEC51924A">
    <w:name w:val="AD17DC061E374093BCB03A8FEC51924A"/>
    <w:rsid w:val="005B01D7"/>
  </w:style>
  <w:style w:type="paragraph" w:customStyle="1" w:styleId="14075822B3DB45B4BAAD1D05E0CDA045">
    <w:name w:val="14075822B3DB45B4BAAD1D05E0CDA045"/>
    <w:rsid w:val="00A64CE6"/>
  </w:style>
  <w:style w:type="paragraph" w:customStyle="1" w:styleId="F218C53D64EA4CECB2110A9149DE370A">
    <w:name w:val="F218C53D64EA4CECB2110A9149DE370A"/>
    <w:rsid w:val="00A64CE6"/>
  </w:style>
  <w:style w:type="paragraph" w:customStyle="1" w:styleId="89DBB83ADE104ED3B0215804FF3E823D">
    <w:name w:val="89DBB83ADE104ED3B0215804FF3E823D"/>
    <w:rsid w:val="00A64CE6"/>
  </w:style>
  <w:style w:type="paragraph" w:customStyle="1" w:styleId="03CC2E6A2CB44B2BA07B47CE22F6ACD9">
    <w:name w:val="03CC2E6A2CB44B2BA07B47CE22F6ACD9"/>
    <w:rsid w:val="00494F43"/>
    <w:pPr>
      <w:spacing w:after="160" w:line="259" w:lineRule="auto"/>
    </w:pPr>
    <w:rPr>
      <w:lang w:val="cs-CZ" w:eastAsia="cs-CZ"/>
    </w:rPr>
  </w:style>
  <w:style w:type="paragraph" w:customStyle="1" w:styleId="5C7DDA37F6744CD2A5BA522CC803647D">
    <w:name w:val="5C7DDA37F6744CD2A5BA522CC803647D"/>
    <w:rsid w:val="00494F43"/>
    <w:pPr>
      <w:spacing w:after="160" w:line="259" w:lineRule="auto"/>
    </w:pPr>
    <w:rPr>
      <w:lang w:val="cs-CZ" w:eastAsia="cs-CZ"/>
    </w:rPr>
  </w:style>
  <w:style w:type="paragraph" w:customStyle="1" w:styleId="D3407C2900D04FA4A648D193AD53C03E">
    <w:name w:val="D3407C2900D04FA4A648D193AD53C03E"/>
    <w:rsid w:val="00494F43"/>
    <w:pPr>
      <w:spacing w:after="160" w:line="259" w:lineRule="auto"/>
    </w:pPr>
    <w:rPr>
      <w:lang w:val="cs-CZ" w:eastAsia="cs-CZ"/>
    </w:rPr>
  </w:style>
  <w:style w:type="paragraph" w:customStyle="1" w:styleId="03416100853543FC8902E3AC71BB4295">
    <w:name w:val="03416100853543FC8902E3AC71BB4295"/>
    <w:rsid w:val="00494F43"/>
    <w:pPr>
      <w:spacing w:after="160" w:line="259" w:lineRule="auto"/>
    </w:pPr>
    <w:rPr>
      <w:lang w:val="cs-CZ" w:eastAsia="cs-CZ"/>
    </w:rPr>
  </w:style>
  <w:style w:type="paragraph" w:customStyle="1" w:styleId="B8FECA0CF336483EA3B3C94BF18DE562">
    <w:name w:val="B8FECA0CF336483EA3B3C94BF18DE562"/>
    <w:rsid w:val="00494F43"/>
    <w:pPr>
      <w:spacing w:after="160" w:line="259" w:lineRule="auto"/>
    </w:pPr>
    <w:rPr>
      <w:lang w:val="cs-CZ" w:eastAsia="cs-CZ"/>
    </w:rPr>
  </w:style>
  <w:style w:type="paragraph" w:customStyle="1" w:styleId="6EB69A316D4D48B6B3F582CFBB83FE3C">
    <w:name w:val="6EB69A316D4D48B6B3F582CFBB83FE3C"/>
    <w:rsid w:val="00494F43"/>
    <w:pPr>
      <w:spacing w:after="160" w:line="259" w:lineRule="auto"/>
    </w:pPr>
    <w:rPr>
      <w:lang w:val="cs-CZ" w:eastAsia="cs-CZ"/>
    </w:rPr>
  </w:style>
  <w:style w:type="paragraph" w:customStyle="1" w:styleId="0AE8742BF4944DE49B1A20107B5327F0">
    <w:name w:val="0AE8742BF4944DE49B1A20107B5327F0"/>
    <w:rsid w:val="00494F43"/>
    <w:pPr>
      <w:spacing w:after="160" w:line="259" w:lineRule="auto"/>
    </w:pPr>
    <w:rPr>
      <w:lang w:val="cs-CZ" w:eastAsia="cs-CZ"/>
    </w:rPr>
  </w:style>
  <w:style w:type="paragraph" w:customStyle="1" w:styleId="01328C0EB9104BBF929231670FA7E269">
    <w:name w:val="01328C0EB9104BBF929231670FA7E269"/>
    <w:rsid w:val="00494F43"/>
    <w:pPr>
      <w:spacing w:after="160" w:line="259" w:lineRule="auto"/>
    </w:pPr>
    <w:rPr>
      <w:lang w:val="cs-CZ" w:eastAsia="cs-CZ"/>
    </w:rPr>
  </w:style>
  <w:style w:type="paragraph" w:customStyle="1" w:styleId="954F3A8097BF41699CDB31E84DE07797">
    <w:name w:val="954F3A8097BF41699CDB31E84DE07797"/>
    <w:rsid w:val="00494F43"/>
    <w:pPr>
      <w:spacing w:after="160" w:line="259" w:lineRule="auto"/>
    </w:pPr>
    <w:rPr>
      <w:lang w:val="cs-CZ" w:eastAsia="cs-CZ"/>
    </w:rPr>
  </w:style>
  <w:style w:type="paragraph" w:customStyle="1" w:styleId="DFE73F8697EA43BEAA74345B222402DD">
    <w:name w:val="DFE73F8697EA43BEAA74345B222402DD"/>
    <w:rsid w:val="00494F43"/>
    <w:pPr>
      <w:spacing w:after="160" w:line="259" w:lineRule="auto"/>
    </w:pPr>
    <w:rPr>
      <w:lang w:val="cs-CZ" w:eastAsia="cs-CZ"/>
    </w:rPr>
  </w:style>
  <w:style w:type="paragraph" w:customStyle="1" w:styleId="65872AB00DE946FBB5B7D0815CB22016">
    <w:name w:val="65872AB00DE946FBB5B7D0815CB22016"/>
    <w:rsid w:val="00494F43"/>
    <w:pPr>
      <w:spacing w:after="160" w:line="259" w:lineRule="auto"/>
    </w:pPr>
    <w:rPr>
      <w:lang w:val="cs-CZ" w:eastAsia="cs-CZ"/>
    </w:rPr>
  </w:style>
  <w:style w:type="paragraph" w:customStyle="1" w:styleId="2B58E87A32F0460C87A1A66A649686EB">
    <w:name w:val="2B58E87A32F0460C87A1A66A649686EB"/>
    <w:rsid w:val="00494F43"/>
    <w:pPr>
      <w:spacing w:after="160" w:line="259" w:lineRule="auto"/>
    </w:pPr>
    <w:rPr>
      <w:lang w:val="cs-CZ" w:eastAsia="cs-CZ"/>
    </w:rPr>
  </w:style>
  <w:style w:type="paragraph" w:customStyle="1" w:styleId="86A009C07C3449158B6000676B6B75D7">
    <w:name w:val="86A009C07C3449158B6000676B6B75D7"/>
    <w:rsid w:val="00494F43"/>
    <w:pPr>
      <w:spacing w:after="160" w:line="259" w:lineRule="auto"/>
    </w:pPr>
    <w:rPr>
      <w:lang w:val="cs-CZ" w:eastAsia="cs-CZ"/>
    </w:rPr>
  </w:style>
  <w:style w:type="paragraph" w:customStyle="1" w:styleId="FD3E1BAC710E4DB9A70FB34F6392B2AB">
    <w:name w:val="FD3E1BAC710E4DB9A70FB34F6392B2AB"/>
    <w:rsid w:val="00494F43"/>
    <w:pPr>
      <w:spacing w:after="160" w:line="259" w:lineRule="auto"/>
    </w:pPr>
    <w:rPr>
      <w:lang w:val="cs-CZ" w:eastAsia="cs-CZ"/>
    </w:rPr>
  </w:style>
  <w:style w:type="paragraph" w:customStyle="1" w:styleId="8FBDDD7C4F5A477DAE0EC589A2930EF8">
    <w:name w:val="8FBDDD7C4F5A477DAE0EC589A2930EF8"/>
    <w:rsid w:val="00494F43"/>
    <w:pPr>
      <w:spacing w:after="160" w:line="259" w:lineRule="auto"/>
    </w:pPr>
    <w:rPr>
      <w:lang w:val="cs-CZ" w:eastAsia="cs-CZ"/>
    </w:rPr>
  </w:style>
  <w:style w:type="paragraph" w:customStyle="1" w:styleId="EAD4FD9B33E344B388D44B7102D8471E">
    <w:name w:val="EAD4FD9B33E344B388D44B7102D8471E"/>
    <w:rsid w:val="00494F43"/>
    <w:pPr>
      <w:spacing w:after="160" w:line="259" w:lineRule="auto"/>
    </w:pPr>
    <w:rPr>
      <w:lang w:val="cs-CZ" w:eastAsia="cs-CZ"/>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Properties xmlns="http://schemas.openxmlformats.org/officeDocument/2006/extended-properties" xmlns:vt="http://schemas.openxmlformats.org/officeDocument/2006/docPropsVTypes">
  <Template>Normal.dotm</Template>
  <TotalTime>24</TotalTime>
  <Pages>14</Pages>
  <Words>5485</Words>
  <Characters>32364</Characters>
  <Application>Microsoft Office Word</Application>
  <DocSecurity>0</DocSecurity>
  <Lines>269</Lines>
  <Paragraphs>75</Paragraphs>
  <ScaleCrop>false</ScaleCrop>
  <HeadingPairs>
    <vt:vector size="2" baseType="variant">
      <vt:variant>
        <vt:lpstr>Název</vt:lpstr>
      </vt:variant>
      <vt:variant>
        <vt:i4>1</vt:i4>
      </vt:variant>
    </vt:vector>
  </HeadingPairs>
  <TitlesOfParts>
    <vt:vector size="1" baseType="lpstr">
      <vt:lpstr/>
    </vt:vector>
  </TitlesOfParts>
  <Company/>
  <LinksUpToDate>false</LinksUpToDate>
  <CharactersWithSpaces>377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Kateřina Žáková</cp:lastModifiedBy>
  <cp:revision>3</cp:revision>
  <dcterms:created xsi:type="dcterms:W3CDTF">2022-06-01T10:49:00Z</dcterms:created>
  <dcterms:modified xsi:type="dcterms:W3CDTF">2022-06-01T11: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iManageDocumentType">
    <vt:lpwstr>ENGAGE</vt:lpwstr>
  </property>
  <property fmtid="{D5CDD505-2E9C-101B-9397-08002B2CF9AE}" pid="3" name="Client_src">
    <vt:lpwstr>{IMan.imProfileCustom1}</vt:lpwstr>
  </property>
  <property fmtid="{D5CDD505-2E9C-101B-9397-08002B2CF9AE}" pid="4" name="Matter_src">
    <vt:lpwstr>{IMan.imProfileCustom2}</vt:lpwstr>
  </property>
  <property fmtid="{D5CDD505-2E9C-101B-9397-08002B2CF9AE}" pid="5" name="cpClientMatter_src">
    <vt:lpwstr>{IMan.imProfileCustom1}-{IMan.imProfileCustom2}</vt:lpwstr>
  </property>
  <property fmtid="{D5CDD505-2E9C-101B-9397-08002B2CF9AE}" pid="6" name="cpDocRef_src">
    <vt:lpwstr>{IMan.Database.Name}: {IMan.Number}.{IMan.Version}</vt:lpwstr>
  </property>
  <property fmtid="{D5CDD505-2E9C-101B-9397-08002B2CF9AE}" pid="7" name="cpCombinedRef_src">
    <vt:lpwstr>{IMan.imProfileCustom1}-{IMan.imProfileCustom2} {IMan.Database.Name}: {IMan.Number}.{IMan.Version}</vt:lpwstr>
  </property>
  <property fmtid="{D5CDD505-2E9C-101B-9397-08002B2CF9AE}" pid="8" name="ContentTypeId">
    <vt:lpwstr>0x0101008E1931B9D01341BF82A1BE848E2F0648000D63B21F009B944AA79D7724E168C8DD</vt:lpwstr>
  </property>
  <property fmtid="{D5CDD505-2E9C-101B-9397-08002B2CF9AE}" pid="9" name="DisplayName">
    <vt:lpwstr>Letter Engagement</vt:lpwstr>
  </property>
  <property fmtid="{D5CDD505-2E9C-101B-9397-08002B2CF9AE}" pid="10" name="DMProfile">
    <vt:lpwstr>Engage</vt:lpwstr>
  </property>
  <property fmtid="{D5CDD505-2E9C-101B-9397-08002B2CF9AE}" pid="11" name="FilePedigree">
    <vt:lpwstr>OSAX</vt:lpwstr>
  </property>
  <property fmtid="{D5CDD505-2E9C-101B-9397-08002B2CF9AE}" pid="12" name="TemplateFileName">
    <vt:lpwstr>AOLetter.dotm</vt:lpwstr>
  </property>
  <property fmtid="{D5CDD505-2E9C-101B-9397-08002B2CF9AE}" pid="13" name="cpFooterText">
    <vt:lpwstr/>
  </property>
  <property fmtid="{D5CDD505-2E9C-101B-9397-08002B2CF9AE}" pid="14" name="cpHeaderText">
    <vt:lpwstr/>
  </property>
  <property fmtid="{D5CDD505-2E9C-101B-9397-08002B2CF9AE}" pid="15" name="TemplafyTimeStamp">
    <vt:lpwstr>2019-10-24T16:26:56.3754275Z</vt:lpwstr>
  </property>
  <property fmtid="{D5CDD505-2E9C-101B-9397-08002B2CF9AE}" pid="16" name="TemplafyTenantId">
    <vt:lpwstr>allenovery</vt:lpwstr>
  </property>
  <property fmtid="{D5CDD505-2E9C-101B-9397-08002B2CF9AE}" pid="17" name="TemplafyTemplateId">
    <vt:lpwstr>636488380516700084</vt:lpwstr>
  </property>
  <property fmtid="{D5CDD505-2E9C-101B-9397-08002B2CF9AE}" pid="18" name="AuthorDescription">
    <vt:lpwstr/>
  </property>
  <property fmtid="{D5CDD505-2E9C-101B-9397-08002B2CF9AE}" pid="19" name="AuthorName">
    <vt:lpwstr>Kateřina Kučerová</vt:lpwstr>
  </property>
  <property fmtid="{D5CDD505-2E9C-101B-9397-08002B2CF9AE}" pid="20" name="AuthorInitials">
    <vt:lpwstr>KK</vt:lpwstr>
  </property>
  <property fmtid="{D5CDD505-2E9C-101B-9397-08002B2CF9AE}" pid="21" name="AuthorJobTitle">
    <vt:lpwstr>Legal Personal Assistant</vt:lpwstr>
  </property>
  <property fmtid="{D5CDD505-2E9C-101B-9397-08002B2CF9AE}" pid="22" name="AuthorEmail">
    <vt:lpwstr>katerina.kucerova@allenovery.com</vt:lpwstr>
  </property>
  <property fmtid="{D5CDD505-2E9C-101B-9397-08002B2CF9AE}" pid="23" name="AuthorDirectLine">
    <vt:lpwstr/>
  </property>
  <property fmtid="{D5CDD505-2E9C-101B-9397-08002B2CF9AE}" pid="24" name="AuthorMobilePhone">
    <vt:lpwstr/>
  </property>
  <property fmtid="{D5CDD505-2E9C-101B-9397-08002B2CF9AE}" pid="25" name="AuthorPersonalFax">
    <vt:lpwstr/>
  </property>
  <property fmtid="{D5CDD505-2E9C-101B-9397-08002B2CF9AE}" pid="26" name="OurRef">
    <vt:lpwstr>KK</vt:lpwstr>
  </property>
  <property fmtid="{D5CDD505-2E9C-101B-9397-08002B2CF9AE}" pid="27" name="OfficeID">
    <vt:lpwstr>Prague - Law</vt:lpwstr>
  </property>
  <property fmtid="{D5CDD505-2E9C-101B-9397-08002B2CF9AE}" pid="28" name="AddinActions">
    <vt:lpwstr>Letter*AttachTemplate*DeleteEmptyRows</vt:lpwstr>
  </property>
  <property fmtid="{D5CDD505-2E9C-101B-9397-08002B2CF9AE}" pid="29" name="TemplateName">
    <vt:lpwstr>AOLetter.dotm</vt:lpwstr>
  </property>
  <property fmtid="{D5CDD505-2E9C-101B-9397-08002B2CF9AE}" pid="30" name="OSADocumentType">
    <vt:lpwstr>3</vt:lpwstr>
  </property>
  <property fmtid="{D5CDD505-2E9C-101B-9397-08002B2CF9AE}" pid="31" name="LanguageID">
    <vt:lpwstr>Czech</vt:lpwstr>
  </property>
  <property fmtid="{D5CDD505-2E9C-101B-9397-08002B2CF9AE}" pid="32" name="LetterCorrespondenceType">
    <vt:lpwstr>atCorrespondenceHeaderDesign2</vt:lpwstr>
  </property>
  <property fmtid="{D5CDD505-2E9C-101B-9397-08002B2CF9AE}" pid="33" name="DisplayLogo">
    <vt:lpwstr>true</vt:lpwstr>
  </property>
  <property fmtid="{D5CDD505-2E9C-101B-9397-08002B2CF9AE}" pid="34" name="MSIP_Label_42e67a54-274b-43d7-8098-b3ba5f50e576_Enabled">
    <vt:lpwstr>true</vt:lpwstr>
  </property>
  <property fmtid="{D5CDD505-2E9C-101B-9397-08002B2CF9AE}" pid="35" name="MSIP_Label_42e67a54-274b-43d7-8098-b3ba5f50e576_SetDate">
    <vt:lpwstr>2022-03-30T07:36:20Z</vt:lpwstr>
  </property>
  <property fmtid="{D5CDD505-2E9C-101B-9397-08002B2CF9AE}" pid="36" name="MSIP_Label_42e67a54-274b-43d7-8098-b3ba5f50e576_Method">
    <vt:lpwstr>Standard</vt:lpwstr>
  </property>
  <property fmtid="{D5CDD505-2E9C-101B-9397-08002B2CF9AE}" pid="37" name="MSIP_Label_42e67a54-274b-43d7-8098-b3ba5f50e576_Name">
    <vt:lpwstr>42e67a54-274b-43d7-8098-b3ba5f50e576</vt:lpwstr>
  </property>
  <property fmtid="{D5CDD505-2E9C-101B-9397-08002B2CF9AE}" pid="38" name="MSIP_Label_42e67a54-274b-43d7-8098-b3ba5f50e576_SiteId">
    <vt:lpwstr>7f0b44d2-04f8-4672-bf5d-4676796468a3</vt:lpwstr>
  </property>
  <property fmtid="{D5CDD505-2E9C-101B-9397-08002B2CF9AE}" pid="39" name="MSIP_Label_42e67a54-274b-43d7-8098-b3ba5f50e576_ActionId">
    <vt:lpwstr>1d10dd87-a51f-4dca-8e16-9c487fff190b</vt:lpwstr>
  </property>
  <property fmtid="{D5CDD505-2E9C-101B-9397-08002B2CF9AE}" pid="40" name="MSIP_Label_42e67a54-274b-43d7-8098-b3ba5f50e576_ContentBits">
    <vt:lpwstr>0</vt:lpwstr>
  </property>
  <property fmtid="{D5CDD505-2E9C-101B-9397-08002B2CF9AE}" pid="41" name="cpCombinedRef">
    <vt:lpwstr>0010023-0028387 EUO1: 2005735933.1</vt:lpwstr>
  </property>
  <property fmtid="{D5CDD505-2E9C-101B-9397-08002B2CF9AE}" pid="42" name="SD_TIM_Ran">
    <vt:lpwstr>True</vt:lpwstr>
  </property>
  <property fmtid="{D5CDD505-2E9C-101B-9397-08002B2CF9AE}" pid="43" name="Client">
    <vt:lpwstr>0010023</vt:lpwstr>
  </property>
  <property fmtid="{D5CDD505-2E9C-101B-9397-08002B2CF9AE}" pid="44" name="Matter">
    <vt:lpwstr>0028387</vt:lpwstr>
  </property>
  <property fmtid="{D5CDD505-2E9C-101B-9397-08002B2CF9AE}" pid="45" name="cpClientMatter">
    <vt:lpwstr>0010023-0028387</vt:lpwstr>
  </property>
  <property fmtid="{D5CDD505-2E9C-101B-9397-08002B2CF9AE}" pid="46" name="cpDocRef">
    <vt:lpwstr>EUO1: 2005735933.1</vt:lpwstr>
  </property>
</Properties>
</file>